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filterPrivacy="1" defaultThemeVersion="124226"/>
  <bookViews>
    <workbookView xWindow="0" yWindow="0" windowWidth="20490" windowHeight="7770" tabRatio="855"/>
  </bookViews>
  <sheets>
    <sheet name="貸借対照表" sheetId="49" r:id="rId1"/>
    <sheet name="行政コスト計算書" sheetId="50" r:id="rId2"/>
    <sheet name="純資産変動計算書" sheetId="51" r:id="rId3"/>
    <sheet name="キャッシュフロー計算書" sheetId="52" r:id="rId4"/>
    <sheet name="注記" sheetId="55" r:id="rId5"/>
    <sheet name="有形固定資産等明細表" sheetId="53" r:id="rId6"/>
    <sheet name="出資金明細" sheetId="48" r:id="rId7"/>
    <sheet name="引当金明細表" sheetId="54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CTI番号" localSheetId="3">#REF!</definedName>
    <definedName name="CTI番号" localSheetId="7">#REF!</definedName>
    <definedName name="CTI番号" localSheetId="1">#REF!</definedName>
    <definedName name="CTI番号" localSheetId="6">#REF!</definedName>
    <definedName name="CTI番号" localSheetId="2">#REF!</definedName>
    <definedName name="CTI番号" localSheetId="0">#REF!</definedName>
    <definedName name="CTI番号" localSheetId="5">#REF!</definedName>
    <definedName name="CTI番号">#REF!</definedName>
    <definedName name="DB型２" localSheetId="3">[1]リスト!$A$2:$A$4</definedName>
    <definedName name="DB型２" localSheetId="7">[1]リスト!$A$2:$A$4</definedName>
    <definedName name="DB型２" localSheetId="1">[1]リスト!$A$2:$A$4</definedName>
    <definedName name="DB型２" localSheetId="2">[1]リスト!$A$2:$A$4</definedName>
    <definedName name="DB型２" localSheetId="0">[1]リスト!$A$2:$A$4</definedName>
    <definedName name="DB型２" localSheetId="5">[1]リスト!$A$2:$A$4</definedName>
    <definedName name="DB型２">[2]リスト!$A$2:$A$4</definedName>
    <definedName name="FAX番号" localSheetId="3">#REF!</definedName>
    <definedName name="FAX番号" localSheetId="7">#REF!</definedName>
    <definedName name="FAX番号" localSheetId="1">#REF!</definedName>
    <definedName name="FAX番号" localSheetId="6">#REF!</definedName>
    <definedName name="FAX番号" localSheetId="2">#REF!</definedName>
    <definedName name="FAX番号" localSheetId="0">#REF!</definedName>
    <definedName name="FAX番号" localSheetId="5">#REF!</definedName>
    <definedName name="FAX番号">#REF!</definedName>
    <definedName name="FDDW0012new">[3]リスト!$A$2:$A$4</definedName>
    <definedName name="fffff">[4]リスト!$A$2:$A$4</definedName>
    <definedName name="_xlnm.Print_Area" localSheetId="3">キャッシュフロー計算書!$A$1:$U$70</definedName>
    <definedName name="_xlnm.Print_Area" localSheetId="7">引当金明細表!$A$1:$O$20</definedName>
    <definedName name="_xlnm.Print_Area" localSheetId="1">行政コスト計算書!$A$1:$M$71</definedName>
    <definedName name="_xlnm.Print_Area" localSheetId="6">出資金明細!$A$1:$R$13</definedName>
    <definedName name="_xlnm.Print_Area" localSheetId="2">純資産変動計算書!$A$1:$N$68</definedName>
    <definedName name="_xlnm.Print_Area" localSheetId="0">貸借対照表!$A$1:$T$71</definedName>
    <definedName name="_xlnm.Print_Area" localSheetId="4">注記!$A$1:$D$39</definedName>
    <definedName name="_xlnm.Print_Area" localSheetId="5">有形固定資産等明細表!$A$1:$P$37</definedName>
    <definedName name="_xlnm.Print_Titles" localSheetId="4">注記!$1:$3</definedName>
    <definedName name="UI変更有無" localSheetId="3">#REF!</definedName>
    <definedName name="UI変更有無" localSheetId="7">#REF!</definedName>
    <definedName name="UI変更有無" localSheetId="1">#REF!</definedName>
    <definedName name="UI変更有無" localSheetId="6">#REF!</definedName>
    <definedName name="UI変更有無" localSheetId="2">#REF!</definedName>
    <definedName name="UI変更有無" localSheetId="0">#REF!</definedName>
    <definedName name="UI変更有無" localSheetId="5">#REF!</definedName>
    <definedName name="UI変更有無">#REF!</definedName>
    <definedName name="エスカレーション担当者" localSheetId="3">#REF!</definedName>
    <definedName name="エスカレーション担当者" localSheetId="7">#REF!</definedName>
    <definedName name="エスカレーション担当者" localSheetId="1">#REF!</definedName>
    <definedName name="エスカレーション担当者" localSheetId="6">#REF!</definedName>
    <definedName name="エスカレーション担当者" localSheetId="2">#REF!</definedName>
    <definedName name="エスカレーション担当者" localSheetId="0">#REF!</definedName>
    <definedName name="エスカレーション担当者" localSheetId="5">#REF!</definedName>
    <definedName name="エスカレーション担当者">#REF!</definedName>
    <definedName name="エスカレーション日時" localSheetId="3">#REF!</definedName>
    <definedName name="エスカレーション日時" localSheetId="7">#REF!</definedName>
    <definedName name="エスカレーション日時" localSheetId="1">#REF!</definedName>
    <definedName name="エスカレーション日時" localSheetId="6">#REF!</definedName>
    <definedName name="エスカレーション日時" localSheetId="2">#REF!</definedName>
    <definedName name="エスカレーション日時" localSheetId="0">#REF!</definedName>
    <definedName name="エスカレーション日時" localSheetId="5">#REF!</definedName>
    <definedName name="エスカレーション日時">#REF!</definedName>
    <definedName name="オンライン障害" localSheetId="3">#REF!</definedName>
    <definedName name="オンライン障害" localSheetId="7">#REF!</definedName>
    <definedName name="オンライン障害" localSheetId="1">#REF!</definedName>
    <definedName name="オンライン障害" localSheetId="6">#REF!</definedName>
    <definedName name="オンライン障害" localSheetId="2">#REF!</definedName>
    <definedName name="オンライン障害" localSheetId="0">#REF!</definedName>
    <definedName name="オンライン障害" localSheetId="5">#REF!</definedName>
    <definedName name="オンライン障害">#REF!</definedName>
    <definedName name="カテゴリ１" localSheetId="3">#REF!</definedName>
    <definedName name="カテゴリ１" localSheetId="7">#REF!</definedName>
    <definedName name="カテゴリ１" localSheetId="1">#REF!</definedName>
    <definedName name="カテゴリ１" localSheetId="6">#REF!</definedName>
    <definedName name="カテゴリ１" localSheetId="2">#REF!</definedName>
    <definedName name="カテゴリ１" localSheetId="0">#REF!</definedName>
    <definedName name="カテゴリ１" localSheetId="5">#REF!</definedName>
    <definedName name="カテゴリ１">#REF!</definedName>
    <definedName name="カテゴリ２" localSheetId="3">#REF!</definedName>
    <definedName name="カテゴリ２" localSheetId="7">#REF!</definedName>
    <definedName name="カテゴリ２" localSheetId="1">#REF!</definedName>
    <definedName name="カテゴリ２" localSheetId="6">#REF!</definedName>
    <definedName name="カテゴリ２" localSheetId="2">#REF!</definedName>
    <definedName name="カテゴリ２" localSheetId="0">#REF!</definedName>
    <definedName name="カテゴリ２" localSheetId="5">#REF!</definedName>
    <definedName name="カテゴリ２">#REF!</definedName>
    <definedName name="カテゴリ３" localSheetId="3">#REF!</definedName>
    <definedName name="カテゴリ３" localSheetId="7">#REF!</definedName>
    <definedName name="カテゴリ３" localSheetId="1">#REF!</definedName>
    <definedName name="カテゴリ３" localSheetId="6">#REF!</definedName>
    <definedName name="カテゴリ３" localSheetId="2">#REF!</definedName>
    <definedName name="カテゴリ３" localSheetId="0">#REF!</definedName>
    <definedName name="カテゴリ３" localSheetId="5">#REF!</definedName>
    <definedName name="カテゴリ３">#REF!</definedName>
    <definedName name="グループ" localSheetId="3">#REF!</definedName>
    <definedName name="グループ" localSheetId="7">#REF!</definedName>
    <definedName name="グループ" localSheetId="1">#REF!</definedName>
    <definedName name="グループ" localSheetId="6">#REF!</definedName>
    <definedName name="グループ" localSheetId="2">#REF!</definedName>
    <definedName name="グループ" localSheetId="0">#REF!</definedName>
    <definedName name="グループ" localSheetId="5">#REF!</definedName>
    <definedName name="グループ">#REF!</definedName>
    <definedName name="ご連絡先" localSheetId="3">#REF!</definedName>
    <definedName name="ご連絡先" localSheetId="7">#REF!</definedName>
    <definedName name="ご連絡先" localSheetId="1">#REF!</definedName>
    <definedName name="ご連絡先" localSheetId="6">#REF!</definedName>
    <definedName name="ご連絡先" localSheetId="2">#REF!</definedName>
    <definedName name="ご連絡先" localSheetId="0">#REF!</definedName>
    <definedName name="ご連絡先" localSheetId="5">#REF!</definedName>
    <definedName name="ご連絡先">#REF!</definedName>
    <definedName name="チェックフラグ" localSheetId="3">#REF!</definedName>
    <definedName name="チェックフラグ" localSheetId="7">#REF!</definedName>
    <definedName name="チェックフラグ" localSheetId="1">#REF!</definedName>
    <definedName name="チェックフラグ" localSheetId="6">#REF!</definedName>
    <definedName name="チェックフラグ" localSheetId="2">#REF!</definedName>
    <definedName name="チェックフラグ" localSheetId="0">#REF!</definedName>
    <definedName name="チェックフラグ" localSheetId="5">#REF!</definedName>
    <definedName name="チェックフラグ">#REF!</definedName>
    <definedName name="データパッチ" localSheetId="3">#REF!</definedName>
    <definedName name="データパッチ" localSheetId="7">#REF!</definedName>
    <definedName name="データパッチ" localSheetId="1">#REF!</definedName>
    <definedName name="データパッチ" localSheetId="6">#REF!</definedName>
    <definedName name="データパッチ" localSheetId="2">#REF!</definedName>
    <definedName name="データパッチ" localSheetId="0">#REF!</definedName>
    <definedName name="データパッチ" localSheetId="5">#REF!</definedName>
    <definedName name="データパッチ">#REF!</definedName>
    <definedName name="プログラム修正" localSheetId="3">#REF!</definedName>
    <definedName name="プログラム修正" localSheetId="7">#REF!</definedName>
    <definedName name="プログラム修正" localSheetId="1">#REF!</definedName>
    <definedName name="プログラム修正" localSheetId="6">#REF!</definedName>
    <definedName name="プログラム修正" localSheetId="2">#REF!</definedName>
    <definedName name="プログラム修正" localSheetId="0">#REF!</definedName>
    <definedName name="プログラム修正" localSheetId="5">#REF!</definedName>
    <definedName name="プログラム修正">#REF!</definedName>
    <definedName name="リリース日" localSheetId="3">#REF!</definedName>
    <definedName name="リリース日" localSheetId="7">#REF!</definedName>
    <definedName name="リリース日" localSheetId="1">#REF!</definedName>
    <definedName name="リリース日" localSheetId="6">#REF!</definedName>
    <definedName name="リリース日" localSheetId="2">#REF!</definedName>
    <definedName name="リリース日" localSheetId="0">#REF!</definedName>
    <definedName name="リリース日" localSheetId="5">#REF!</definedName>
    <definedName name="リリース日">#REF!</definedName>
    <definedName name="運用SE受領日時" localSheetId="3">#REF!</definedName>
    <definedName name="運用SE受領日時" localSheetId="7">#REF!</definedName>
    <definedName name="運用SE受領日時" localSheetId="1">#REF!</definedName>
    <definedName name="運用SE受領日時" localSheetId="6">#REF!</definedName>
    <definedName name="運用SE受領日時" localSheetId="2">#REF!</definedName>
    <definedName name="運用SE受領日時" localSheetId="0">#REF!</definedName>
    <definedName name="運用SE受領日時" localSheetId="5">#REF!</definedName>
    <definedName name="運用SE受領日時">#REF!</definedName>
    <definedName name="運用SE担当者" localSheetId="3">#REF!</definedName>
    <definedName name="運用SE担当者" localSheetId="7">#REF!</definedName>
    <definedName name="運用SE担当者" localSheetId="1">#REF!</definedName>
    <definedName name="運用SE担当者" localSheetId="6">#REF!</definedName>
    <definedName name="運用SE担当者" localSheetId="2">#REF!</definedName>
    <definedName name="運用SE担当者" localSheetId="0">#REF!</definedName>
    <definedName name="運用SE担当者" localSheetId="5">#REF!</definedName>
    <definedName name="運用SE担当者">#REF!</definedName>
    <definedName name="影響範囲" localSheetId="3">#REF!</definedName>
    <definedName name="影響範囲" localSheetId="7">#REF!</definedName>
    <definedName name="影響範囲" localSheetId="1">#REF!</definedName>
    <definedName name="影響範囲" localSheetId="6">#REF!</definedName>
    <definedName name="影響範囲" localSheetId="2">#REF!</definedName>
    <definedName name="影響範囲" localSheetId="0">#REF!</definedName>
    <definedName name="影響範囲" localSheetId="5">#REF!</definedName>
    <definedName name="影響範囲">#REF!</definedName>
    <definedName name="画面ID" localSheetId="3">#REF!</definedName>
    <definedName name="画面ID" localSheetId="7">#REF!</definedName>
    <definedName name="画面ID" localSheetId="1">#REF!</definedName>
    <definedName name="画面ID" localSheetId="6">#REF!</definedName>
    <definedName name="画面ID" localSheetId="2">#REF!</definedName>
    <definedName name="画面ID" localSheetId="0">#REF!</definedName>
    <definedName name="画面ID" localSheetId="5">#REF!</definedName>
    <definedName name="画面ID">#REF!</definedName>
    <definedName name="画面名" localSheetId="3">#REF!</definedName>
    <definedName name="画面名" localSheetId="7">#REF!</definedName>
    <definedName name="画面名" localSheetId="1">#REF!</definedName>
    <definedName name="画面名" localSheetId="6">#REF!</definedName>
    <definedName name="画面名" localSheetId="2">#REF!</definedName>
    <definedName name="画面名" localSheetId="0">#REF!</definedName>
    <definedName name="画面名" localSheetId="5">#REF!</definedName>
    <definedName name="画面名">#REF!</definedName>
    <definedName name="回復確認日時" localSheetId="3">#REF!</definedName>
    <definedName name="回復確認日時" localSheetId="7">#REF!</definedName>
    <definedName name="回復確認日時" localSheetId="1">#REF!</definedName>
    <definedName name="回復確認日時" localSheetId="6">#REF!</definedName>
    <definedName name="回復確認日時" localSheetId="2">#REF!</definedName>
    <definedName name="回復確認日時" localSheetId="0">#REF!</definedName>
    <definedName name="回復確認日時" localSheetId="5">#REF!</definedName>
    <definedName name="回復確認日時">#REF!</definedName>
    <definedName name="確認担当者" localSheetId="3">#REF!</definedName>
    <definedName name="確認担当者" localSheetId="7">#REF!</definedName>
    <definedName name="確認担当者" localSheetId="1">#REF!</definedName>
    <definedName name="確認担当者" localSheetId="6">#REF!</definedName>
    <definedName name="確認担当者" localSheetId="2">#REF!</definedName>
    <definedName name="確認担当者" localSheetId="0">#REF!</definedName>
    <definedName name="確認担当者" localSheetId="5">#REF!</definedName>
    <definedName name="確認担当者">#REF!</definedName>
    <definedName name="勘定科目テーブル">[5]勘定科目!$A$7:$X$577</definedName>
    <definedName name="管理番号" localSheetId="3">#REF!</definedName>
    <definedName name="管理番号" localSheetId="7">#REF!</definedName>
    <definedName name="管理番号" localSheetId="1">#REF!</definedName>
    <definedName name="管理番号" localSheetId="6">#REF!</definedName>
    <definedName name="管理番号" localSheetId="2">#REF!</definedName>
    <definedName name="管理番号" localSheetId="0">#REF!</definedName>
    <definedName name="管理番号" localSheetId="5">#REF!</definedName>
    <definedName name="管理番号">#REF!</definedName>
    <definedName name="件名" localSheetId="3">#REF!</definedName>
    <definedName name="件名" localSheetId="7">#REF!</definedName>
    <definedName name="件名" localSheetId="1">#REF!</definedName>
    <definedName name="件名" localSheetId="6">#REF!</definedName>
    <definedName name="件名" localSheetId="2">#REF!</definedName>
    <definedName name="件名" localSheetId="0">#REF!</definedName>
    <definedName name="件名" localSheetId="5">#REF!</definedName>
    <definedName name="件名">#REF!</definedName>
    <definedName name="原因分類" localSheetId="3">#REF!</definedName>
    <definedName name="原因分類" localSheetId="7">#REF!</definedName>
    <definedName name="原因分類" localSheetId="1">#REF!</definedName>
    <definedName name="原因分類" localSheetId="6">#REF!</definedName>
    <definedName name="原因分類" localSheetId="2">#REF!</definedName>
    <definedName name="原因分類" localSheetId="0">#REF!</definedName>
    <definedName name="原因分類" localSheetId="5">#REF!</definedName>
    <definedName name="原因分類">#REF!</definedName>
    <definedName name="公開不可" localSheetId="3">#REF!</definedName>
    <definedName name="公開不可" localSheetId="7">#REF!</definedName>
    <definedName name="公開不可" localSheetId="1">#REF!</definedName>
    <definedName name="公開不可" localSheetId="6">#REF!</definedName>
    <definedName name="公開不可" localSheetId="2">#REF!</definedName>
    <definedName name="公開不可" localSheetId="0">#REF!</definedName>
    <definedName name="公開不可" localSheetId="5">#REF!</definedName>
    <definedName name="公開不可">#REF!</definedName>
    <definedName name="作業日時開始" localSheetId="3">#REF!</definedName>
    <definedName name="作業日時開始" localSheetId="7">#REF!</definedName>
    <definedName name="作業日時開始" localSheetId="1">#REF!</definedName>
    <definedName name="作業日時開始" localSheetId="6">#REF!</definedName>
    <definedName name="作業日時開始" localSheetId="2">#REF!</definedName>
    <definedName name="作業日時開始" localSheetId="0">#REF!</definedName>
    <definedName name="作業日時開始" localSheetId="5">#REF!</definedName>
    <definedName name="作業日時開始">#REF!</definedName>
    <definedName name="作業日時終了" localSheetId="3">#REF!</definedName>
    <definedName name="作業日時終了" localSheetId="7">#REF!</definedName>
    <definedName name="作業日時終了" localSheetId="1">#REF!</definedName>
    <definedName name="作業日時終了" localSheetId="6">#REF!</definedName>
    <definedName name="作業日時終了" localSheetId="2">#REF!</definedName>
    <definedName name="作業日時終了" localSheetId="0">#REF!</definedName>
    <definedName name="作業日時終了" localSheetId="5">#REF!</definedName>
    <definedName name="作業日時終了">#REF!</definedName>
    <definedName name="受付区分" localSheetId="3">#REF!</definedName>
    <definedName name="受付区分" localSheetId="7">#REF!</definedName>
    <definedName name="受付区分" localSheetId="1">#REF!</definedName>
    <definedName name="受付区分" localSheetId="6">#REF!</definedName>
    <definedName name="受付区分" localSheetId="2">#REF!</definedName>
    <definedName name="受付区分" localSheetId="0">#REF!</definedName>
    <definedName name="受付区分" localSheetId="5">#REF!</definedName>
    <definedName name="受付区分">#REF!</definedName>
    <definedName name="受付時間" localSheetId="3">#REF!</definedName>
    <definedName name="受付時間" localSheetId="7">#REF!</definedName>
    <definedName name="受付時間" localSheetId="1">#REF!</definedName>
    <definedName name="受付時間" localSheetId="6">#REF!</definedName>
    <definedName name="受付時間" localSheetId="2">#REF!</definedName>
    <definedName name="受付時間" localSheetId="0">#REF!</definedName>
    <definedName name="受付時間" localSheetId="5">#REF!</definedName>
    <definedName name="受付時間">#REF!</definedName>
    <definedName name="受付日" localSheetId="3">#REF!</definedName>
    <definedName name="受付日" localSheetId="7">#REF!</definedName>
    <definedName name="受付日" localSheetId="1">#REF!</definedName>
    <definedName name="受付日" localSheetId="6">#REF!</definedName>
    <definedName name="受付日" localSheetId="2">#REF!</definedName>
    <definedName name="受付日" localSheetId="0">#REF!</definedName>
    <definedName name="受付日" localSheetId="5">#REF!</definedName>
    <definedName name="受付日">#REF!</definedName>
    <definedName name="受付日時" localSheetId="3">#REF!</definedName>
    <definedName name="受付日時" localSheetId="7">#REF!</definedName>
    <definedName name="受付日時" localSheetId="1">#REF!</definedName>
    <definedName name="受付日時" localSheetId="6">#REF!</definedName>
    <definedName name="受付日時" localSheetId="2">#REF!</definedName>
    <definedName name="受付日時" localSheetId="0">#REF!</definedName>
    <definedName name="受付日時" localSheetId="5">#REF!</definedName>
    <definedName name="受付日時">#REF!</definedName>
    <definedName name="収入未済" localSheetId="3">#REF!</definedName>
    <definedName name="収入未済" localSheetId="7">#REF!</definedName>
    <definedName name="収入未済" localSheetId="1">#REF!</definedName>
    <definedName name="収入未済" localSheetId="6">#REF!</definedName>
    <definedName name="収入未済" localSheetId="2">#REF!</definedName>
    <definedName name="収入未済" localSheetId="0">#REF!</definedName>
    <definedName name="収入未済" localSheetId="5">#REF!</definedName>
    <definedName name="収入未済">#REF!</definedName>
    <definedName name="所属" localSheetId="3">#REF!</definedName>
    <definedName name="所属" localSheetId="7">#REF!</definedName>
    <definedName name="所属" localSheetId="1">#REF!</definedName>
    <definedName name="所属" localSheetId="6">#REF!</definedName>
    <definedName name="所属" localSheetId="2">#REF!</definedName>
    <definedName name="所属" localSheetId="0">#REF!</definedName>
    <definedName name="所属" localSheetId="5">#REF!</definedName>
    <definedName name="所属">#REF!</definedName>
    <definedName name="詳細コード" localSheetId="3">#REF!</definedName>
    <definedName name="詳細コード" localSheetId="7">#REF!</definedName>
    <definedName name="詳細コード" localSheetId="1">#REF!</definedName>
    <definedName name="詳細コード" localSheetId="6">#REF!</definedName>
    <definedName name="詳細コード" localSheetId="2">#REF!</definedName>
    <definedName name="詳細コード" localSheetId="0">#REF!</definedName>
    <definedName name="詳細コード" localSheetId="5">#REF!</definedName>
    <definedName name="詳細コード">#REF!</definedName>
    <definedName name="障害発生日時" localSheetId="3">#REF!</definedName>
    <definedName name="障害発生日時" localSheetId="7">#REF!</definedName>
    <definedName name="障害発生日時" localSheetId="1">#REF!</definedName>
    <definedName name="障害発生日時" localSheetId="6">#REF!</definedName>
    <definedName name="障害発生日時" localSheetId="2">#REF!</definedName>
    <definedName name="障害発生日時" localSheetId="0">#REF!</definedName>
    <definedName name="障害発生日時" localSheetId="5">#REF!</definedName>
    <definedName name="障害発生日時">#REF!</definedName>
    <definedName name="状態" localSheetId="3">#REF!</definedName>
    <definedName name="状態" localSheetId="7">#REF!</definedName>
    <definedName name="状態" localSheetId="1">#REF!</definedName>
    <definedName name="状態" localSheetId="6">#REF!</definedName>
    <definedName name="状態" localSheetId="2">#REF!</definedName>
    <definedName name="状態" localSheetId="0">#REF!</definedName>
    <definedName name="状態" localSheetId="5">#REF!</definedName>
    <definedName name="状態">#REF!</definedName>
    <definedName name="職員番号" localSheetId="3">#REF!</definedName>
    <definedName name="職員番号" localSheetId="7">#REF!</definedName>
    <definedName name="職員番号" localSheetId="1">#REF!</definedName>
    <definedName name="職員番号" localSheetId="6">#REF!</definedName>
    <definedName name="職員番号" localSheetId="2">#REF!</definedName>
    <definedName name="職員番号" localSheetId="0">#REF!</definedName>
    <definedName name="職員番号" localSheetId="5">#REF!</definedName>
    <definedName name="職員番号">#REF!</definedName>
    <definedName name="職員名" localSheetId="3">#REF!</definedName>
    <definedName name="職員名" localSheetId="7">#REF!</definedName>
    <definedName name="職員名" localSheetId="1">#REF!</definedName>
    <definedName name="職員名" localSheetId="6">#REF!</definedName>
    <definedName name="職員名" localSheetId="2">#REF!</definedName>
    <definedName name="職員名" localSheetId="0">#REF!</definedName>
    <definedName name="職員名" localSheetId="5">#REF!</definedName>
    <definedName name="職員名">#REF!</definedName>
    <definedName name="切り分け完了日時" localSheetId="3">#REF!</definedName>
    <definedName name="切り分け完了日時" localSheetId="7">#REF!</definedName>
    <definedName name="切り分け完了日時" localSheetId="1">#REF!</definedName>
    <definedName name="切り分け完了日時" localSheetId="6">#REF!</definedName>
    <definedName name="切り分け完了日時" localSheetId="2">#REF!</definedName>
    <definedName name="切り分け完了日時" localSheetId="0">#REF!</definedName>
    <definedName name="切り分け完了日時" localSheetId="5">#REF!</definedName>
    <definedName name="切り分け完了日時">#REF!</definedName>
    <definedName name="切り分け担当者" localSheetId="3">#REF!</definedName>
    <definedName name="切り分け担当者" localSheetId="7">#REF!</definedName>
    <definedName name="切り分け担当者" localSheetId="1">#REF!</definedName>
    <definedName name="切り分け担当者" localSheetId="6">#REF!</definedName>
    <definedName name="切り分け担当者" localSheetId="2">#REF!</definedName>
    <definedName name="切り分け担当者" localSheetId="0">#REF!</definedName>
    <definedName name="切り分け担当者" localSheetId="5">#REF!</definedName>
    <definedName name="切り分け担当者">#REF!</definedName>
    <definedName name="対応サブシステムコード" localSheetId="3">#REF!</definedName>
    <definedName name="対応サブシステムコード" localSheetId="7">#REF!</definedName>
    <definedName name="対応サブシステムコード" localSheetId="1">#REF!</definedName>
    <definedName name="対応サブシステムコード" localSheetId="6">#REF!</definedName>
    <definedName name="対応サブシステムコード" localSheetId="2">#REF!</definedName>
    <definedName name="対応サブシステムコード" localSheetId="0">#REF!</definedName>
    <definedName name="対応サブシステムコード" localSheetId="5">#REF!</definedName>
    <definedName name="対応サブシステムコード">#REF!</definedName>
    <definedName name="対応サブシステム名" localSheetId="3">#REF!</definedName>
    <definedName name="対応サブシステム名" localSheetId="7">#REF!</definedName>
    <definedName name="対応サブシステム名" localSheetId="1">#REF!</definedName>
    <definedName name="対応サブシステム名" localSheetId="6">#REF!</definedName>
    <definedName name="対応サブシステム名" localSheetId="2">#REF!</definedName>
    <definedName name="対応サブシステム名" localSheetId="0">#REF!</definedName>
    <definedName name="対応サブシステム名" localSheetId="5">#REF!</definedName>
    <definedName name="対応サブシステム名">#REF!</definedName>
    <definedName name="対応システムコード" localSheetId="3">#REF!</definedName>
    <definedName name="対応システムコード" localSheetId="7">#REF!</definedName>
    <definedName name="対応システムコード" localSheetId="1">#REF!</definedName>
    <definedName name="対応システムコード" localSheetId="6">#REF!</definedName>
    <definedName name="対応システムコード" localSheetId="2">#REF!</definedName>
    <definedName name="対応システムコード" localSheetId="0">#REF!</definedName>
    <definedName name="対応システムコード" localSheetId="5">#REF!</definedName>
    <definedName name="対応システムコード">#REF!</definedName>
    <definedName name="対応システム名" localSheetId="3">#REF!</definedName>
    <definedName name="対応システム名" localSheetId="7">#REF!</definedName>
    <definedName name="対応システム名" localSheetId="1">#REF!</definedName>
    <definedName name="対応システム名" localSheetId="6">#REF!</definedName>
    <definedName name="対応システム名" localSheetId="2">#REF!</definedName>
    <definedName name="対応システム名" localSheetId="0">#REF!</definedName>
    <definedName name="対応システム名" localSheetId="5">#REF!</definedName>
    <definedName name="対応システム名">#REF!</definedName>
    <definedName name="対応策" localSheetId="3">#REF!</definedName>
    <definedName name="対応策" localSheetId="7">#REF!</definedName>
    <definedName name="対応策" localSheetId="1">#REF!</definedName>
    <definedName name="対応策" localSheetId="6">#REF!</definedName>
    <definedName name="対応策" localSheetId="2">#REF!</definedName>
    <definedName name="対応策" localSheetId="0">#REF!</definedName>
    <definedName name="対応策" localSheetId="5">#REF!</definedName>
    <definedName name="対応策">#REF!</definedName>
    <definedName name="対応策立案日時" localSheetId="3">#REF!</definedName>
    <definedName name="対応策立案日時" localSheetId="7">#REF!</definedName>
    <definedName name="対応策立案日時" localSheetId="1">#REF!</definedName>
    <definedName name="対応策立案日時" localSheetId="6">#REF!</definedName>
    <definedName name="対応策立案日時" localSheetId="2">#REF!</definedName>
    <definedName name="対応策立案日時" localSheetId="0">#REF!</definedName>
    <definedName name="対応策立案日時" localSheetId="5">#REF!</definedName>
    <definedName name="対応策立案日時">#REF!</definedName>
    <definedName name="対応変更結果" localSheetId="3">#REF!</definedName>
    <definedName name="対応変更結果" localSheetId="7">#REF!</definedName>
    <definedName name="対応変更結果" localSheetId="1">#REF!</definedName>
    <definedName name="対応変更結果" localSheetId="6">#REF!</definedName>
    <definedName name="対応変更結果" localSheetId="2">#REF!</definedName>
    <definedName name="対応変更結果" localSheetId="0">#REF!</definedName>
    <definedName name="対応変更結果" localSheetId="5">#REF!</definedName>
    <definedName name="対応変更結果">#REF!</definedName>
    <definedName name="担当Ope" localSheetId="3">#REF!</definedName>
    <definedName name="担当Ope" localSheetId="7">#REF!</definedName>
    <definedName name="担当Ope" localSheetId="1">#REF!</definedName>
    <definedName name="担当Ope" localSheetId="6">#REF!</definedName>
    <definedName name="担当Ope" localSheetId="2">#REF!</definedName>
    <definedName name="担当Ope" localSheetId="0">#REF!</definedName>
    <definedName name="担当Ope" localSheetId="5">#REF!</definedName>
    <definedName name="担当Ope">#REF!</definedName>
    <definedName name="担当者" localSheetId="3">#REF!</definedName>
    <definedName name="担当者" localSheetId="7">#REF!</definedName>
    <definedName name="担当者" localSheetId="1">#REF!</definedName>
    <definedName name="担当者" localSheetId="6">#REF!</definedName>
    <definedName name="担当者" localSheetId="2">#REF!</definedName>
    <definedName name="担当者" localSheetId="0">#REF!</definedName>
    <definedName name="担当者" localSheetId="5">#REF!</definedName>
    <definedName name="担当者">#REF!</definedName>
    <definedName name="調査結果内容" localSheetId="3">#REF!</definedName>
    <definedName name="調査結果内容" localSheetId="7">#REF!</definedName>
    <definedName name="調査結果内容" localSheetId="1">#REF!</definedName>
    <definedName name="調査結果内容" localSheetId="6">#REF!</definedName>
    <definedName name="調査結果内容" localSheetId="2">#REF!</definedName>
    <definedName name="調査結果内容" localSheetId="0">#REF!</definedName>
    <definedName name="調査結果内容" localSheetId="5">#REF!</definedName>
    <definedName name="調査結果内容">#REF!</definedName>
    <definedName name="調査内容" localSheetId="3">#REF!</definedName>
    <definedName name="調査内容" localSheetId="7">#REF!</definedName>
    <definedName name="調査内容" localSheetId="1">#REF!</definedName>
    <definedName name="調査内容" localSheetId="6">#REF!</definedName>
    <definedName name="調査内容" localSheetId="2">#REF!</definedName>
    <definedName name="調査内容" localSheetId="0">#REF!</definedName>
    <definedName name="調査内容" localSheetId="5">#REF!</definedName>
    <definedName name="調査内容">#REF!</definedName>
    <definedName name="適用日" localSheetId="3">#REF!</definedName>
    <definedName name="適用日" localSheetId="7">#REF!</definedName>
    <definedName name="適用日" localSheetId="1">#REF!</definedName>
    <definedName name="適用日" localSheetId="6">#REF!</definedName>
    <definedName name="適用日" localSheetId="2">#REF!</definedName>
    <definedName name="適用日" localSheetId="0">#REF!</definedName>
    <definedName name="適用日" localSheetId="5">#REF!</definedName>
    <definedName name="適用日">#REF!</definedName>
    <definedName name="電話番号" localSheetId="3">#REF!</definedName>
    <definedName name="電話番号" localSheetId="7">#REF!</definedName>
    <definedName name="電話番号" localSheetId="1">#REF!</definedName>
    <definedName name="電話番号" localSheetId="6">#REF!</definedName>
    <definedName name="電話番号" localSheetId="2">#REF!</definedName>
    <definedName name="電話番号" localSheetId="0">#REF!</definedName>
    <definedName name="電話番号" localSheetId="5">#REF!</definedName>
    <definedName name="電話番号">#REF!</definedName>
    <definedName name="内線" localSheetId="3">#REF!</definedName>
    <definedName name="内線" localSheetId="7">#REF!</definedName>
    <definedName name="内線" localSheetId="1">#REF!</definedName>
    <definedName name="内線" localSheetId="6">#REF!</definedName>
    <definedName name="内線" localSheetId="2">#REF!</definedName>
    <definedName name="内線" localSheetId="0">#REF!</definedName>
    <definedName name="内線" localSheetId="5">#REF!</definedName>
    <definedName name="内線">#REF!</definedName>
    <definedName name="納期設定" localSheetId="3">#REF!</definedName>
    <definedName name="納期設定" localSheetId="7">#REF!</definedName>
    <definedName name="納期設定" localSheetId="1">#REF!</definedName>
    <definedName name="納期設定" localSheetId="6">#REF!</definedName>
    <definedName name="納期設定" localSheetId="2">#REF!</definedName>
    <definedName name="納期設定" localSheetId="0">#REF!</definedName>
    <definedName name="納期設定" localSheetId="5">#REF!</definedName>
    <definedName name="納期設定">#REF!</definedName>
    <definedName name="表示金額単位" localSheetId="3">'[6]設定シート(概要版)'!$A$22:$A$27</definedName>
    <definedName name="表示金額単位" localSheetId="7">'[6]設定シート(概要版)'!$A$22:$A$27</definedName>
    <definedName name="表示金額単位" localSheetId="1">'[6]設定シート(概要版)'!$A$22:$A$27</definedName>
    <definedName name="表示金額単位" localSheetId="2">'[6]設定シート(概要版)'!$A$22:$A$27</definedName>
    <definedName name="表示金額単位" localSheetId="0">'[6]設定シート(概要版)'!$A$22:$A$27</definedName>
    <definedName name="表示金額単位" localSheetId="5">'[6]設定シート(概要版)'!$A$22:$A$27</definedName>
    <definedName name="表示金額単位">'[7]設定シート(概要版)'!$A$22:$A$27</definedName>
    <definedName name="表示金額単位先頭" localSheetId="3">'[6]設定シート(概要版)'!$A$22</definedName>
    <definedName name="表示金額単位先頭" localSheetId="7">'[6]設定シート(概要版)'!$A$22</definedName>
    <definedName name="表示金額単位先頭" localSheetId="1">'[6]設定シート(概要版)'!$A$22</definedName>
    <definedName name="表示金額単位先頭" localSheetId="2">'[6]設定シート(概要版)'!$A$22</definedName>
    <definedName name="表示金額単位先頭" localSheetId="0">'[6]設定シート(概要版)'!$A$22</definedName>
    <definedName name="表示金額単位先頭" localSheetId="5">'[6]設定シート(概要版)'!$A$22</definedName>
    <definedName name="表示金額単位先頭">'[7]設定シート(概要版)'!$A$22</definedName>
    <definedName name="表示金額単位表" localSheetId="3">'[6]設定シート(概要版)'!$A$22:$C$27</definedName>
    <definedName name="表示金額単位表" localSheetId="7">'[6]設定シート(概要版)'!$A$22:$C$27</definedName>
    <definedName name="表示金額単位表" localSheetId="1">'[6]設定シート(概要版)'!$A$22:$C$27</definedName>
    <definedName name="表示金額単位表" localSheetId="2">'[6]設定シート(概要版)'!$A$22:$C$27</definedName>
    <definedName name="表示金額単位表" localSheetId="0">'[6]設定シート(概要版)'!$A$22:$C$27</definedName>
    <definedName name="表示金額単位表" localSheetId="5">'[6]設定シート(概要版)'!$A$22:$C$27</definedName>
    <definedName name="表示金額単位表">'[7]設定シート(概要版)'!$A$22:$C$27</definedName>
    <definedName name="部署" localSheetId="3">#REF!</definedName>
    <definedName name="部署" localSheetId="7">#REF!</definedName>
    <definedName name="部署" localSheetId="1">#REF!</definedName>
    <definedName name="部署" localSheetId="6">#REF!</definedName>
    <definedName name="部署" localSheetId="2">#REF!</definedName>
    <definedName name="部署" localSheetId="0">#REF!</definedName>
    <definedName name="部署" localSheetId="5">#REF!</definedName>
    <definedName name="部署">#REF!</definedName>
    <definedName name="変更環境" localSheetId="3">#REF!</definedName>
    <definedName name="変更環境" localSheetId="7">#REF!</definedName>
    <definedName name="変更環境" localSheetId="1">#REF!</definedName>
    <definedName name="変更環境" localSheetId="6">#REF!</definedName>
    <definedName name="変更環境" localSheetId="2">#REF!</definedName>
    <definedName name="変更環境" localSheetId="0">#REF!</definedName>
    <definedName name="変更環境" localSheetId="5">#REF!</definedName>
    <definedName name="変更環境">#REF!</definedName>
    <definedName name="変更情報変更点" localSheetId="3">#REF!</definedName>
    <definedName name="変更情報変更点" localSheetId="7">#REF!</definedName>
    <definedName name="変更情報変更点" localSheetId="1">#REF!</definedName>
    <definedName name="変更情報変更点" localSheetId="6">#REF!</definedName>
    <definedName name="変更情報変更点" localSheetId="2">#REF!</definedName>
    <definedName name="変更情報変更点" localSheetId="0">#REF!</definedName>
    <definedName name="変更情報変更点" localSheetId="5">#REF!</definedName>
    <definedName name="変更情報変更点">#REF!</definedName>
    <definedName name="変更内容" localSheetId="3">#REF!</definedName>
    <definedName name="変更内容" localSheetId="7">#REF!</definedName>
    <definedName name="変更内容" localSheetId="1">#REF!</definedName>
    <definedName name="変更内容" localSheetId="6">#REF!</definedName>
    <definedName name="変更内容" localSheetId="2">#REF!</definedName>
    <definedName name="変更内容" localSheetId="0">#REF!</definedName>
    <definedName name="変更内容" localSheetId="5">#REF!</definedName>
    <definedName name="変更内容">#REF!</definedName>
    <definedName name="凡例" localSheetId="3">[8]リスト!$B$2:$B$8</definedName>
    <definedName name="凡例" localSheetId="7">[8]リスト!$B$2:$B$8</definedName>
    <definedName name="凡例" localSheetId="1">[8]リスト!$B$2:$B$8</definedName>
    <definedName name="凡例" localSheetId="2">[8]リスト!$B$2:$B$8</definedName>
    <definedName name="凡例" localSheetId="0">[8]リスト!$B$2:$B$8</definedName>
    <definedName name="凡例" localSheetId="5">[8]リスト!$B$2:$B$8</definedName>
    <definedName name="凡例">[9]リスト!$B$2:$B$8</definedName>
    <definedName name="問合せ区分" localSheetId="3">#REF!</definedName>
    <definedName name="問合せ区分" localSheetId="7">#REF!</definedName>
    <definedName name="問合せ区分" localSheetId="1">#REF!</definedName>
    <definedName name="問合せ区分" localSheetId="6">#REF!</definedName>
    <definedName name="問合せ区分" localSheetId="2">#REF!</definedName>
    <definedName name="問合せ区分" localSheetId="0">#REF!</definedName>
    <definedName name="問合せ区分" localSheetId="5">#REF!</definedName>
    <definedName name="問合せ区分">#REF!</definedName>
    <definedName name="有り無し" localSheetId="3">[8]リスト!$A$2:$A$3</definedName>
    <definedName name="有り無し" localSheetId="7">[8]リスト!$A$2:$A$3</definedName>
    <definedName name="有り無し" localSheetId="1">[8]リスト!$A$2:$A$3</definedName>
    <definedName name="有り無し" localSheetId="2">[8]リスト!$A$2:$A$3</definedName>
    <definedName name="有り無し" localSheetId="0">[8]リスト!$A$2:$A$3</definedName>
    <definedName name="有り無し" localSheetId="5">[8]リスト!$A$2:$A$3</definedName>
    <definedName name="有り無し">[9]リスト!$A$2:$A$3</definedName>
    <definedName name="立案担当者" localSheetId="3">#REF!</definedName>
    <definedName name="立案担当者" localSheetId="7">#REF!</definedName>
    <definedName name="立案担当者" localSheetId="1">#REF!</definedName>
    <definedName name="立案担当者" localSheetId="6">#REF!</definedName>
    <definedName name="立案担当者" localSheetId="2">#REF!</definedName>
    <definedName name="立案担当者" localSheetId="0">#REF!</definedName>
    <definedName name="立案担当者" localSheetId="5">#REF!</definedName>
    <definedName name="立案担当者">#REF!</definedName>
    <definedName name="連絡事項" localSheetId="3">#REF!</definedName>
    <definedName name="連絡事項" localSheetId="7">#REF!</definedName>
    <definedName name="連絡事項" localSheetId="1">#REF!</definedName>
    <definedName name="連絡事項" localSheetId="6">#REF!</definedName>
    <definedName name="連絡事項" localSheetId="2">#REF!</definedName>
    <definedName name="連絡事項" localSheetId="0">#REF!</definedName>
    <definedName name="連絡事項" localSheetId="5">#REF!</definedName>
    <definedName name="連絡事項">#REF!</definedName>
  </definedNames>
  <calcPr calcId="162913" calcMode="manual"/>
</workbook>
</file>

<file path=xl/calcChain.xml><?xml version="1.0" encoding="utf-8"?>
<calcChain xmlns="http://schemas.openxmlformats.org/spreadsheetml/2006/main">
  <c r="Q11" i="48" l="1"/>
  <c r="M11" i="48"/>
  <c r="O11" i="48" s="1"/>
  <c r="P12" i="48" l="1"/>
  <c r="J12" i="48"/>
  <c r="I12" i="48"/>
  <c r="Q12" i="48" l="1"/>
</calcChain>
</file>

<file path=xl/sharedStrings.xml><?xml version="1.0" encoding="utf-8"?>
<sst xmlns="http://schemas.openxmlformats.org/spreadsheetml/2006/main" count="356" uniqueCount="260">
  <si>
    <t>合　　　　計</t>
    <rPh sb="0" eb="1">
      <t>ア</t>
    </rPh>
    <rPh sb="5" eb="6">
      <t>ケイ</t>
    </rPh>
    <phoneticPr fontId="2"/>
  </si>
  <si>
    <t>相手先名</t>
    <rPh sb="0" eb="3">
      <t>アイテサキ</t>
    </rPh>
    <rPh sb="3" eb="4">
      <t>メイ</t>
    </rPh>
    <phoneticPr fontId="2"/>
  </si>
  <si>
    <t>資産</t>
    <rPh sb="0" eb="2">
      <t>シサン</t>
    </rPh>
    <phoneticPr fontId="2"/>
  </si>
  <si>
    <t>負債</t>
    <rPh sb="0" eb="2">
      <t>フサイ</t>
    </rPh>
    <phoneticPr fontId="2"/>
  </si>
  <si>
    <t>純資産額</t>
    <rPh sb="0" eb="3">
      <t>ジュンシサン</t>
    </rPh>
    <rPh sb="3" eb="4">
      <t>ガク</t>
    </rPh>
    <phoneticPr fontId="2"/>
  </si>
  <si>
    <t>実質価額</t>
    <rPh sb="0" eb="2">
      <t>ジッシツ</t>
    </rPh>
    <rPh sb="2" eb="4">
      <t>カガク</t>
    </rPh>
    <phoneticPr fontId="2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23"/>
  </si>
  <si>
    <t>取得原価</t>
    <rPh sb="0" eb="2">
      <t>シュトク</t>
    </rPh>
    <rPh sb="2" eb="4">
      <t>ゲンカ</t>
    </rPh>
    <phoneticPr fontId="23"/>
  </si>
  <si>
    <t>出えん等比率（％）</t>
    <rPh sb="0" eb="1">
      <t>シュツ</t>
    </rPh>
    <rPh sb="3" eb="4">
      <t>トウ</t>
    </rPh>
    <rPh sb="4" eb="6">
      <t>ヒリツ</t>
    </rPh>
    <phoneticPr fontId="2"/>
  </si>
  <si>
    <t>①</t>
    <phoneticPr fontId="2"/>
  </si>
  <si>
    <t>②</t>
    <phoneticPr fontId="2"/>
  </si>
  <si>
    <t>③</t>
    <phoneticPr fontId="2"/>
  </si>
  <si>
    <t>④＝②－③</t>
    <phoneticPr fontId="2"/>
  </si>
  <si>
    <t>⑤</t>
    <phoneticPr fontId="2"/>
  </si>
  <si>
    <t>⑥＝④×⑤</t>
    <phoneticPr fontId="2"/>
  </si>
  <si>
    <t>⑦</t>
    <phoneticPr fontId="2"/>
  </si>
  <si>
    <t>①－⑦</t>
    <phoneticPr fontId="2"/>
  </si>
  <si>
    <t>（単位：円）</t>
    <rPh sb="4" eb="5">
      <t>エン</t>
    </rPh>
    <phoneticPr fontId="23"/>
  </si>
  <si>
    <t>強制評価減</t>
    <rPh sb="0" eb="2">
      <t>キョウセイ</t>
    </rPh>
    <rPh sb="2" eb="4">
      <t>ヒョウカ</t>
    </rPh>
    <rPh sb="4" eb="5">
      <t>ゲン</t>
    </rPh>
    <phoneticPr fontId="2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23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2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2"/>
  </si>
  <si>
    <t>一般会計</t>
    <rPh sb="0" eb="2">
      <t>イッパン</t>
    </rPh>
    <phoneticPr fontId="28"/>
  </si>
  <si>
    <t>ＩＣＴ戦略室</t>
    <rPh sb="3" eb="6">
      <t>センリャクシツ</t>
    </rPh>
    <phoneticPr fontId="28"/>
  </si>
  <si>
    <t>地方公共団体情報システム機構</t>
    <phoneticPr fontId="23"/>
  </si>
  <si>
    <t>ＩＣＴ戦略事業</t>
    <rPh sb="3" eb="5">
      <t>センリャク</t>
    </rPh>
    <rPh sb="5" eb="7">
      <t>ジギョウ</t>
    </rPh>
    <phoneticPr fontId="28"/>
  </si>
  <si>
    <t>負債及び純資産の部合計</t>
  </si>
  <si>
    <t>資産の部合計</t>
  </si>
  <si>
    <t>純資産の部合計</t>
  </si>
  <si>
    <t>貸倒引当金</t>
  </si>
  <si>
    <t>その他債権</t>
  </si>
  <si>
    <t>長期貸付金</t>
  </si>
  <si>
    <t>その他基金</t>
  </si>
  <si>
    <t>公債償還基金</t>
  </si>
  <si>
    <t>基金</t>
  </si>
  <si>
    <t>信託受益権</t>
  </si>
  <si>
    <t>公営企業会計出資金</t>
  </si>
  <si>
    <t>出資による権利</t>
  </si>
  <si>
    <t>有価証券</t>
  </si>
  <si>
    <t>出資金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その他有価証券評価差額金</t>
  </si>
  <si>
    <t>評価・換算差額等</t>
  </si>
  <si>
    <t>無形事業用固定資産</t>
  </si>
  <si>
    <t>累積余剰</t>
  </si>
  <si>
    <t>航空機</t>
  </si>
  <si>
    <t>純資産の部</t>
  </si>
  <si>
    <t>浮標等</t>
  </si>
  <si>
    <t>負債の部合計</t>
  </si>
  <si>
    <t>船舶</t>
  </si>
  <si>
    <t>その他固定負債</t>
  </si>
  <si>
    <t>立木竹</t>
  </si>
  <si>
    <t>リース債務</t>
  </si>
  <si>
    <t>長期未払金</t>
  </si>
  <si>
    <t>損失補償等引当金</t>
  </si>
  <si>
    <t>退職手当引当金</t>
  </si>
  <si>
    <t>有形事業用固定資産</t>
  </si>
  <si>
    <t>その他長期借入金</t>
  </si>
  <si>
    <t>事業用資産</t>
  </si>
  <si>
    <t>他会計借入金</t>
  </si>
  <si>
    <t>固定資産</t>
  </si>
  <si>
    <t>長期借入金</t>
  </si>
  <si>
    <t>その他流動資産</t>
  </si>
  <si>
    <t>地方債</t>
  </si>
  <si>
    <t>固定負債</t>
  </si>
  <si>
    <t>短期貸付金</t>
  </si>
  <si>
    <t>その他流動負債</t>
  </si>
  <si>
    <t>還付未済金</t>
  </si>
  <si>
    <t>財政調整基金</t>
  </si>
  <si>
    <t>未払金</t>
  </si>
  <si>
    <t>賞与引当金</t>
  </si>
  <si>
    <t>その他短期借入金</t>
  </si>
  <si>
    <t>未収金</t>
  </si>
  <si>
    <t>歳入歳出外現金</t>
  </si>
  <si>
    <t>短期借入金</t>
  </si>
  <si>
    <t>歳計現金</t>
  </si>
  <si>
    <t>現金預金</t>
  </si>
  <si>
    <t>流動負債</t>
  </si>
  <si>
    <t>流動資産</t>
  </si>
  <si>
    <t>負債の部</t>
  </si>
  <si>
    <t>資産の部</t>
  </si>
  <si>
    <t>（単位：円）</t>
    <phoneticPr fontId="2"/>
  </si>
  <si>
    <t/>
  </si>
  <si>
    <t>（平成31年3月31日）</t>
    <phoneticPr fontId="2"/>
  </si>
  <si>
    <t>貸 借 対 照 表</t>
    <phoneticPr fontId="2"/>
  </si>
  <si>
    <t>ＩＣＴ戦略事業</t>
  </si>
  <si>
    <t>ＩＣＴ戦略室</t>
  </si>
  <si>
    <t>一般会計</t>
  </si>
  <si>
    <t>当年度収支差額</t>
  </si>
  <si>
    <t>内部取引</t>
  </si>
  <si>
    <t>一般財源等配分調整額</t>
  </si>
  <si>
    <t>特別収支差額</t>
  </si>
  <si>
    <t>その他特別損失</t>
  </si>
  <si>
    <t>事業再編等に伴う移転損益</t>
  </si>
  <si>
    <t>出資金評価損</t>
  </si>
  <si>
    <t>貸倒損失</t>
  </si>
  <si>
    <t>災害による損失</t>
  </si>
  <si>
    <t>資産除売却損</t>
  </si>
  <si>
    <t>特別損失</t>
  </si>
  <si>
    <t>その他特別利益</t>
  </si>
  <si>
    <t>資産受贈益</t>
  </si>
  <si>
    <t>資産売却益</t>
  </si>
  <si>
    <t>特別利益</t>
  </si>
  <si>
    <t>経常収支差額</t>
  </si>
  <si>
    <t>その他経常費用</t>
  </si>
  <si>
    <t>公営企業への繰出金</t>
  </si>
  <si>
    <t>特別会計への繰出金</t>
  </si>
  <si>
    <t>一般会計への繰出金</t>
  </si>
  <si>
    <t>他会計への繰出金</t>
  </si>
  <si>
    <t>負担金・補助金・交付金等</t>
  </si>
  <si>
    <t>扶助費</t>
  </si>
  <si>
    <t>棚卸資産売却原価</t>
  </si>
  <si>
    <t>損失補償等引当金繰入額</t>
  </si>
  <si>
    <t>貸倒引当金繰入額</t>
  </si>
  <si>
    <t>支払利息及び手数料</t>
  </si>
  <si>
    <t>減価償却費</t>
  </si>
  <si>
    <t>維持補修費</t>
  </si>
  <si>
    <t>物件費</t>
  </si>
  <si>
    <t>退職手当引当金繰入額</t>
  </si>
  <si>
    <t>賞与引当金繰入額</t>
  </si>
  <si>
    <t>給与関係費</t>
  </si>
  <si>
    <t>経常費用</t>
  </si>
  <si>
    <t>その他経常収益</t>
  </si>
  <si>
    <t>受取利息及び配当金</t>
  </si>
  <si>
    <t>棚卸資産売却収入</t>
  </si>
  <si>
    <t>公営企業からの繰入金</t>
  </si>
  <si>
    <t>特別会計からの繰入金</t>
  </si>
  <si>
    <t>一般会計からの繰入金</t>
  </si>
  <si>
    <t>他会計からの繰入金</t>
  </si>
  <si>
    <t>国・府支出金</t>
  </si>
  <si>
    <t>使用料及び手数料</t>
  </si>
  <si>
    <t>分担金及び負担金</t>
  </si>
  <si>
    <t>保険料</t>
  </si>
  <si>
    <t>地方交付税</t>
  </si>
  <si>
    <t>地方特例交付金</t>
  </si>
  <si>
    <t>交付金</t>
  </si>
  <si>
    <t>地方譲与税</t>
  </si>
  <si>
    <t>市税</t>
  </si>
  <si>
    <t>経常収益</t>
  </si>
  <si>
    <t>（単位：円）</t>
    <phoneticPr fontId="2"/>
  </si>
  <si>
    <t>（自平成30年4月1日　至平成31年3月31日）</t>
    <phoneticPr fontId="2"/>
  </si>
  <si>
    <t>行 政 コ ス ト 計 算 書</t>
    <rPh sb="0" eb="1">
      <t>ギョウ</t>
    </rPh>
    <rPh sb="2" eb="3">
      <t>セイ</t>
    </rPh>
    <rPh sb="10" eb="11">
      <t>ケイ</t>
    </rPh>
    <rPh sb="12" eb="13">
      <t>サン</t>
    </rPh>
    <rPh sb="14" eb="15">
      <t>ショ</t>
    </rPh>
    <phoneticPr fontId="2"/>
  </si>
  <si>
    <t>当年度末残高</t>
    <rPh sb="0" eb="1">
      <t>トウ</t>
    </rPh>
    <rPh sb="1" eb="3">
      <t>ネンド</t>
    </rPh>
    <phoneticPr fontId="2"/>
  </si>
  <si>
    <t>当年度変動額</t>
    <rPh sb="0" eb="1">
      <t>トウ</t>
    </rPh>
    <rPh sb="1" eb="3">
      <t>ネンド</t>
    </rPh>
    <rPh sb="3" eb="5">
      <t>ヘンドウ</t>
    </rPh>
    <phoneticPr fontId="2"/>
  </si>
  <si>
    <t>前年度末残高</t>
    <rPh sb="0" eb="3">
      <t>ゼンネンド</t>
    </rPh>
    <phoneticPr fontId="2"/>
  </si>
  <si>
    <t>合計</t>
    <phoneticPr fontId="2"/>
  </si>
  <si>
    <t>評価・換算差額等</t>
    <phoneticPr fontId="2"/>
  </si>
  <si>
    <t>累積余剰</t>
    <phoneticPr fontId="2"/>
  </si>
  <si>
    <t>区分</t>
  </si>
  <si>
    <t>：01</t>
  </si>
  <si>
    <t>会計</t>
  </si>
  <si>
    <t>：平成27年03月</t>
    <phoneticPr fontId="2"/>
  </si>
  <si>
    <t>対象</t>
    <rPh sb="0" eb="2">
      <t>タイショウ</t>
    </rPh>
    <phoneticPr fontId="2"/>
  </si>
  <si>
    <t>作成：平成27年12月24日</t>
    <phoneticPr fontId="2"/>
  </si>
  <si>
    <t>：平成26年度</t>
    <phoneticPr fontId="2"/>
  </si>
  <si>
    <t>年度</t>
  </si>
  <si>
    <t>純 資 産 変 動 計 算 書</t>
    <phoneticPr fontId="2"/>
  </si>
  <si>
    <t>その他投資活動収入</t>
  </si>
  <si>
    <t>保証金等返還収入</t>
  </si>
  <si>
    <t>公営企業会計からの繰入金収入</t>
  </si>
  <si>
    <t>特別会計からの繰入金収入</t>
  </si>
  <si>
    <t>一般会計からの繰入金収入</t>
  </si>
  <si>
    <t>他会計からの繰入金収入</t>
  </si>
  <si>
    <t>貸付金回収元金収入</t>
  </si>
  <si>
    <t>その他の基金（取崩額）</t>
  </si>
  <si>
    <t>当年度末現金預金残高</t>
  </si>
  <si>
    <t>財政調整基金（取崩額）</t>
  </si>
  <si>
    <t>前年度末現金預金残高</t>
  </si>
  <si>
    <t>基金繰入金（取崩額）</t>
  </si>
  <si>
    <t>資産売却収入</t>
  </si>
  <si>
    <t>当年度現金預金増減額</t>
  </si>
  <si>
    <t>投資活動収入</t>
  </si>
  <si>
    <t>財務活動収支差額</t>
  </si>
  <si>
    <t>投資活動</t>
  </si>
  <si>
    <t>その他財務活動支出</t>
  </si>
  <si>
    <t>行政サービス活動収支差額</t>
  </si>
  <si>
    <t>公営企業会計への繰出金支出</t>
  </si>
  <si>
    <t>その他行政支出</t>
  </si>
  <si>
    <t>特別会計への繰出金支出</t>
  </si>
  <si>
    <t>一般会計への繰出金支出</t>
  </si>
  <si>
    <t>他会計への繰出金支出</t>
  </si>
  <si>
    <t>リース債務償還金支出</t>
  </si>
  <si>
    <t>借入金償還金支出</t>
  </si>
  <si>
    <t>負担金・補助金・交付金等支出</t>
  </si>
  <si>
    <t>地方債償還金支出</t>
  </si>
  <si>
    <t>扶助費支出</t>
  </si>
  <si>
    <t>財務活動支出</t>
  </si>
  <si>
    <t>支払利息及び手数料支出</t>
  </si>
  <si>
    <t>その他財務活動収入</t>
  </si>
  <si>
    <t>維持補修費支出</t>
  </si>
  <si>
    <t>物件費支出</t>
  </si>
  <si>
    <t>給与関係費支出</t>
  </si>
  <si>
    <t>行政サービス活動支出</t>
  </si>
  <si>
    <t>その他行政収入</t>
  </si>
  <si>
    <t>借入金収入</t>
  </si>
  <si>
    <t>受取利息及び配当金収入</t>
  </si>
  <si>
    <t>地方債収入</t>
  </si>
  <si>
    <t>財務活動収入</t>
  </si>
  <si>
    <t>財務活動</t>
  </si>
  <si>
    <t>投資活動収支差額</t>
  </si>
  <si>
    <t>保証金等支出</t>
  </si>
  <si>
    <t>国・府支出金収入</t>
  </si>
  <si>
    <t>使用料及び手数料収入</t>
  </si>
  <si>
    <t>分担金及び負担金収入</t>
  </si>
  <si>
    <t>保険料収入</t>
  </si>
  <si>
    <t>貸付金支出</t>
  </si>
  <si>
    <t>地方交付税収入</t>
  </si>
  <si>
    <t>出資金支出</t>
  </si>
  <si>
    <t>地方特例交付金収入</t>
  </si>
  <si>
    <t>その他の基金積立金</t>
  </si>
  <si>
    <t>交付金収入</t>
  </si>
  <si>
    <t>財政調整基金積立金</t>
  </si>
  <si>
    <t>地方譲与税収入</t>
  </si>
  <si>
    <t>基金積立金</t>
  </si>
  <si>
    <t>市税収入</t>
  </si>
  <si>
    <t>固定資産取得支出</t>
  </si>
  <si>
    <t>行政サービス活動収入</t>
  </si>
  <si>
    <t>投資活動支出</t>
  </si>
  <si>
    <t>行政サービス活動</t>
  </si>
  <si>
    <t>キ ャ ッ シ ュ ・ フ ロ ー 計 算 書</t>
    <phoneticPr fontId="2"/>
  </si>
  <si>
    <t>合　　　　計</t>
    <phoneticPr fontId="2"/>
  </si>
  <si>
    <t>④－⑤</t>
    <phoneticPr fontId="2"/>
  </si>
  <si>
    <t>⑥</t>
    <phoneticPr fontId="2"/>
  </si>
  <si>
    <t>④＝①＋②－③</t>
    <phoneticPr fontId="2"/>
  </si>
  <si>
    <t>②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償却額</t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区分</t>
    <phoneticPr fontId="2"/>
  </si>
  <si>
    <t>有 形 固 定 資 産 等 明 細 表</t>
    <phoneticPr fontId="2"/>
  </si>
  <si>
    <t>合計</t>
    <rPh sb="0" eb="2">
      <t>ゴウケイ</t>
    </rPh>
    <phoneticPr fontId="2"/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2"/>
  </si>
  <si>
    <t>その他</t>
    <rPh sb="2" eb="3">
      <t>タ</t>
    </rPh>
    <phoneticPr fontId="2"/>
  </si>
  <si>
    <t>目的使用</t>
    <rPh sb="0" eb="2">
      <t>モクテキ</t>
    </rPh>
    <rPh sb="2" eb="4">
      <t>シヨウ</t>
    </rPh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（単位：円）</t>
    <phoneticPr fontId="2"/>
  </si>
  <si>
    <t>引 当 金 明 細 表</t>
    <phoneticPr fontId="2"/>
  </si>
  <si>
    <t>該当事項はありません。</t>
    <rPh sb="0" eb="2">
      <t>ガイトウ</t>
    </rPh>
    <rPh sb="2" eb="4">
      <t>ジコウ</t>
    </rPh>
    <phoneticPr fontId="2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0.0%"/>
    <numFmt numFmtId="177" formatCode="#,##0;&quot;▲ &quot;#,##0"/>
    <numFmt numFmtId="178" formatCode="0_);[Red]\(0\)"/>
  </numFmts>
  <fonts count="47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4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2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24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6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60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3" fillId="0" borderId="0">
      <alignment vertical="center"/>
    </xf>
    <xf numFmtId="0" fontId="1" fillId="0" borderId="0">
      <alignment vertical="center"/>
    </xf>
  </cellStyleXfs>
  <cellXfs count="215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7" fillId="0" borderId="0" xfId="46" applyFont="1" applyFill="1" applyAlignment="1">
      <alignment horizontal="right" vertical="center"/>
    </xf>
    <xf numFmtId="0" fontId="27" fillId="0" borderId="14" xfId="46" applyFont="1" applyFill="1" applyBorder="1" applyAlignment="1">
      <alignment horizontal="center" vertical="center" wrapText="1"/>
    </xf>
    <xf numFmtId="0" fontId="27" fillId="0" borderId="14" xfId="46" applyFont="1" applyFill="1" applyBorder="1" applyAlignment="1">
      <alignment horizontal="center" vertical="center"/>
    </xf>
    <xf numFmtId="0" fontId="27" fillId="0" borderId="18" xfId="46" applyFont="1" applyFill="1" applyBorder="1" applyAlignment="1">
      <alignment horizontal="center" vertical="center"/>
    </xf>
    <xf numFmtId="176" fontId="27" fillId="0" borderId="21" xfId="46" applyNumberFormat="1" applyFont="1" applyFill="1" applyBorder="1">
      <alignment vertical="center"/>
    </xf>
    <xf numFmtId="0" fontId="29" fillId="0" borderId="0" xfId="55" applyFont="1" applyFill="1" applyAlignment="1">
      <alignment horizontal="left" vertical="center"/>
    </xf>
    <xf numFmtId="177" fontId="27" fillId="0" borderId="21" xfId="46" applyNumberFormat="1" applyFont="1" applyFill="1" applyBorder="1">
      <alignment vertical="center"/>
    </xf>
    <xf numFmtId="177" fontId="27" fillId="0" borderId="22" xfId="46" applyNumberFormat="1" applyFont="1" applyFill="1" applyBorder="1">
      <alignment vertical="center"/>
    </xf>
    <xf numFmtId="0" fontId="30" fillId="0" borderId="0" xfId="46" applyFont="1" applyFill="1">
      <alignment vertical="center"/>
    </xf>
    <xf numFmtId="177" fontId="30" fillId="0" borderId="0" xfId="46" applyNumberFormat="1" applyFont="1" applyFill="1">
      <alignment vertical="center"/>
    </xf>
    <xf numFmtId="177" fontId="30" fillId="0" borderId="0" xfId="46" applyNumberFormat="1" applyFont="1" applyFill="1" applyBorder="1">
      <alignment vertical="center"/>
    </xf>
    <xf numFmtId="0" fontId="30" fillId="0" borderId="0" xfId="46" applyFont="1" applyFill="1" applyBorder="1">
      <alignment vertical="center"/>
    </xf>
    <xf numFmtId="0" fontId="30" fillId="0" borderId="2" xfId="46" applyFont="1" applyFill="1" applyBorder="1">
      <alignment vertical="center"/>
    </xf>
    <xf numFmtId="177" fontId="30" fillId="0" borderId="2" xfId="46" applyNumberFormat="1" applyFont="1" applyFill="1" applyBorder="1" applyAlignment="1">
      <alignment horizontal="right" vertical="center"/>
    </xf>
    <xf numFmtId="0" fontId="30" fillId="0" borderId="23" xfId="46" applyFont="1" applyFill="1" applyBorder="1">
      <alignment vertical="center"/>
    </xf>
    <xf numFmtId="177" fontId="30" fillId="0" borderId="0" xfId="46" applyNumberFormat="1" applyFont="1" applyFill="1" applyBorder="1" applyAlignment="1">
      <alignment horizontal="right" vertical="center"/>
    </xf>
    <xf numFmtId="0" fontId="30" fillId="0" borderId="24" xfId="46" applyFont="1" applyFill="1" applyBorder="1">
      <alignment vertical="center"/>
    </xf>
    <xf numFmtId="0" fontId="27" fillId="0" borderId="0" xfId="46" applyFont="1" applyFill="1" applyBorder="1">
      <alignment vertical="center"/>
    </xf>
    <xf numFmtId="177" fontId="27" fillId="0" borderId="20" xfId="46" applyNumberFormat="1" applyFont="1" applyFill="1" applyBorder="1" applyAlignment="1">
      <alignment horizontal="right" vertical="center"/>
    </xf>
    <xf numFmtId="177" fontId="27" fillId="0" borderId="1" xfId="46" applyNumberFormat="1" applyFont="1" applyFill="1" applyBorder="1" applyAlignment="1">
      <alignment horizontal="right" vertical="center"/>
    </xf>
    <xf numFmtId="0" fontId="27" fillId="0" borderId="1" xfId="46" applyFont="1" applyFill="1" applyBorder="1">
      <alignment vertical="center"/>
    </xf>
    <xf numFmtId="0" fontId="27" fillId="0" borderId="19" xfId="46" applyFont="1" applyFill="1" applyBorder="1">
      <alignment vertical="center"/>
    </xf>
    <xf numFmtId="0" fontId="27" fillId="0" borderId="20" xfId="46" applyFont="1" applyFill="1" applyBorder="1">
      <alignment vertical="center"/>
    </xf>
    <xf numFmtId="0" fontId="0" fillId="0" borderId="1" xfId="0" applyBorder="1">
      <alignment vertical="center"/>
    </xf>
    <xf numFmtId="0" fontId="27" fillId="0" borderId="23" xfId="46" applyFont="1" applyFill="1" applyBorder="1">
      <alignment vertical="center"/>
    </xf>
    <xf numFmtId="177" fontId="27" fillId="0" borderId="0" xfId="46" applyNumberFormat="1" applyFont="1" applyFill="1" applyBorder="1" applyAlignment="1">
      <alignment horizontal="right" vertical="center"/>
    </xf>
    <xf numFmtId="0" fontId="27" fillId="0" borderId="24" xfId="46" applyFont="1" applyFill="1" applyBorder="1">
      <alignment vertical="center"/>
    </xf>
    <xf numFmtId="177" fontId="27" fillId="0" borderId="23" xfId="46" applyNumberFormat="1" applyFont="1" applyFill="1" applyBorder="1">
      <alignment vertical="center"/>
    </xf>
    <xf numFmtId="177" fontId="27" fillId="0" borderId="0" xfId="46" applyNumberFormat="1" applyFont="1" applyFill="1" applyBorder="1">
      <alignment vertical="center"/>
    </xf>
    <xf numFmtId="177" fontId="27" fillId="0" borderId="20" xfId="46" applyNumberFormat="1" applyFont="1" applyFill="1" applyBorder="1">
      <alignment vertical="center"/>
    </xf>
    <xf numFmtId="177" fontId="27" fillId="0" borderId="1" xfId="46" applyNumberFormat="1" applyFont="1" applyFill="1" applyBorder="1">
      <alignment vertical="center"/>
    </xf>
    <xf numFmtId="177" fontId="27" fillId="0" borderId="23" xfId="46" applyNumberFormat="1" applyFont="1" applyFill="1" applyBorder="1" applyAlignment="1">
      <alignment horizontal="right" vertical="center"/>
    </xf>
    <xf numFmtId="0" fontId="27" fillId="0" borderId="0" xfId="46" applyFont="1" applyFill="1" applyBorder="1" applyAlignment="1">
      <alignment horizontal="left" vertical="center"/>
    </xf>
    <xf numFmtId="177" fontId="27" fillId="0" borderId="13" xfId="46" applyNumberFormat="1" applyFont="1" applyFill="1" applyBorder="1">
      <alignment vertical="center"/>
    </xf>
    <xf numFmtId="177" fontId="27" fillId="0" borderId="2" xfId="46" applyNumberFormat="1" applyFont="1" applyFill="1" applyBorder="1">
      <alignment vertical="center"/>
    </xf>
    <xf numFmtId="0" fontId="27" fillId="0" borderId="2" xfId="46" applyFont="1" applyFill="1" applyBorder="1">
      <alignment vertical="center"/>
    </xf>
    <xf numFmtId="0" fontId="27" fillId="0" borderId="12" xfId="46" applyFont="1" applyFill="1" applyBorder="1" applyAlignment="1">
      <alignment horizontal="left" vertical="center"/>
    </xf>
    <xf numFmtId="0" fontId="27" fillId="0" borderId="13" xfId="46" applyFont="1" applyFill="1" applyBorder="1">
      <alignment vertical="center"/>
    </xf>
    <xf numFmtId="0" fontId="27" fillId="0" borderId="2" xfId="46" applyFont="1" applyFill="1" applyBorder="1" applyAlignment="1">
      <alignment vertical="center"/>
    </xf>
    <xf numFmtId="0" fontId="27" fillId="0" borderId="12" xfId="46" applyFont="1" applyFill="1" applyBorder="1">
      <alignment vertical="center"/>
    </xf>
    <xf numFmtId="0" fontId="30" fillId="0" borderId="25" xfId="46" applyFont="1" applyFill="1" applyBorder="1">
      <alignment vertical="center"/>
    </xf>
    <xf numFmtId="0" fontId="30" fillId="0" borderId="0" xfId="46" applyFont="1" applyFill="1" applyBorder="1" applyAlignment="1">
      <alignment horizontal="right" vertical="center"/>
    </xf>
    <xf numFmtId="0" fontId="27" fillId="0" borderId="0" xfId="46" applyFont="1" applyFill="1" applyBorder="1" applyAlignment="1">
      <alignment horizontal="right" vertical="center"/>
    </xf>
    <xf numFmtId="58" fontId="30" fillId="0" borderId="0" xfId="46" applyNumberFormat="1" applyFont="1" applyFill="1" applyBorder="1">
      <alignment vertical="center"/>
    </xf>
    <xf numFmtId="0" fontId="30" fillId="0" borderId="0" xfId="55" applyFont="1" applyFill="1" applyBorder="1" applyAlignment="1">
      <alignment vertical="center"/>
    </xf>
    <xf numFmtId="0" fontId="30" fillId="0" borderId="0" xfId="55" applyFont="1" applyFill="1" applyBorder="1" applyAlignment="1">
      <alignment horizontal="left" vertical="center"/>
    </xf>
    <xf numFmtId="0" fontId="31" fillId="0" borderId="0" xfId="55" applyFont="1" applyFill="1" applyBorder="1" applyAlignment="1">
      <alignment horizontal="center" vertical="center"/>
    </xf>
    <xf numFmtId="0" fontId="33" fillId="0" borderId="0" xfId="55" applyFont="1" applyFill="1" applyBorder="1" applyAlignment="1">
      <alignment horizontal="center"/>
    </xf>
    <xf numFmtId="0" fontId="30" fillId="0" borderId="0" xfId="55" applyFont="1" applyFill="1" applyBorder="1" applyAlignment="1"/>
    <xf numFmtId="0" fontId="30" fillId="0" borderId="13" xfId="46" applyFont="1" applyFill="1" applyBorder="1">
      <alignment vertical="center"/>
    </xf>
    <xf numFmtId="0" fontId="30" fillId="0" borderId="12" xfId="46" applyFont="1" applyFill="1" applyBorder="1">
      <alignment vertical="center"/>
    </xf>
    <xf numFmtId="177" fontId="27" fillId="0" borderId="0" xfId="46" applyNumberFormat="1" applyFont="1" applyFill="1">
      <alignment vertical="center"/>
    </xf>
    <xf numFmtId="0" fontId="27" fillId="0" borderId="17" xfId="46" applyFont="1" applyFill="1" applyBorder="1">
      <alignment vertical="center"/>
    </xf>
    <xf numFmtId="177" fontId="27" fillId="0" borderId="16" xfId="46" applyNumberFormat="1" applyFont="1" applyFill="1" applyBorder="1">
      <alignment vertical="center"/>
    </xf>
    <xf numFmtId="0" fontId="27" fillId="0" borderId="16" xfId="46" applyFont="1" applyFill="1" applyBorder="1">
      <alignment vertical="center"/>
    </xf>
    <xf numFmtId="0" fontId="27" fillId="0" borderId="15" xfId="46" applyFont="1" applyFill="1" applyBorder="1">
      <alignment vertical="center"/>
    </xf>
    <xf numFmtId="178" fontId="27" fillId="0" borderId="19" xfId="46" applyNumberFormat="1" applyFont="1" applyFill="1" applyBorder="1" applyAlignment="1">
      <alignment vertical="center"/>
    </xf>
    <xf numFmtId="178" fontId="27" fillId="0" borderId="20" xfId="46" applyNumberFormat="1" applyFont="1" applyFill="1" applyBorder="1">
      <alignment vertical="center"/>
    </xf>
    <xf numFmtId="178" fontId="27" fillId="0" borderId="1" xfId="46" applyNumberFormat="1" applyFont="1" applyFill="1" applyBorder="1">
      <alignment vertical="center"/>
    </xf>
    <xf numFmtId="178" fontId="27" fillId="0" borderId="1" xfId="46" applyNumberFormat="1" applyFont="1" applyFill="1" applyBorder="1" applyAlignment="1">
      <alignment horizontal="left" vertical="center" indent="1"/>
    </xf>
    <xf numFmtId="178" fontId="27" fillId="0" borderId="23" xfId="46" applyNumberFormat="1" applyFont="1" applyFill="1" applyBorder="1">
      <alignment vertical="center"/>
    </xf>
    <xf numFmtId="178" fontId="27" fillId="0" borderId="0" xfId="46" applyNumberFormat="1" applyFont="1" applyFill="1" applyBorder="1">
      <alignment vertical="center"/>
    </xf>
    <xf numFmtId="178" fontId="27" fillId="0" borderId="0" xfId="46" applyNumberFormat="1" applyFont="1" applyFill="1" applyBorder="1" applyAlignment="1">
      <alignment horizontal="left" vertical="center" indent="1"/>
    </xf>
    <xf numFmtId="178" fontId="27" fillId="0" borderId="24" xfId="46" applyNumberFormat="1" applyFont="1" applyFill="1" applyBorder="1" applyAlignment="1">
      <alignment vertical="center"/>
    </xf>
    <xf numFmtId="178" fontId="27" fillId="0" borderId="23" xfId="46" applyNumberFormat="1" applyFont="1" applyFill="1" applyBorder="1" applyAlignment="1">
      <alignment horizontal="right" vertical="center"/>
    </xf>
    <xf numFmtId="178" fontId="27" fillId="0" borderId="17" xfId="46" applyNumberFormat="1" applyFont="1" applyFill="1" applyBorder="1" applyAlignment="1">
      <alignment horizontal="right" vertical="center"/>
    </xf>
    <xf numFmtId="177" fontId="27" fillId="0" borderId="16" xfId="46" applyNumberFormat="1" applyFont="1" applyFill="1" applyBorder="1" applyAlignment="1">
      <alignment horizontal="right" vertical="center"/>
    </xf>
    <xf numFmtId="178" fontId="27" fillId="0" borderId="16" xfId="46" applyNumberFormat="1" applyFont="1" applyFill="1" applyBorder="1">
      <alignment vertical="center"/>
    </xf>
    <xf numFmtId="178" fontId="27" fillId="0" borderId="16" xfId="46" applyNumberFormat="1" applyFont="1" applyFill="1" applyBorder="1" applyAlignment="1">
      <alignment horizontal="left" vertical="center" indent="1"/>
    </xf>
    <xf numFmtId="178" fontId="27" fillId="0" borderId="15" xfId="46" applyNumberFormat="1" applyFont="1" applyFill="1" applyBorder="1" applyAlignment="1">
      <alignment vertical="center"/>
    </xf>
    <xf numFmtId="0" fontId="27" fillId="0" borderId="2" xfId="46" applyFont="1" applyFill="1" applyBorder="1" applyAlignment="1">
      <alignment horizontal="left" vertical="center" indent="1"/>
    </xf>
    <xf numFmtId="0" fontId="27" fillId="0" borderId="12" xfId="46" applyFont="1" applyFill="1" applyBorder="1" applyAlignment="1">
      <alignment vertical="center"/>
    </xf>
    <xf numFmtId="58" fontId="27" fillId="0" borderId="0" xfId="46" applyNumberFormat="1" applyFont="1" applyFill="1" applyBorder="1">
      <alignment vertical="center"/>
    </xf>
    <xf numFmtId="0" fontId="35" fillId="0" borderId="23" xfId="46" applyFont="1" applyFill="1" applyBorder="1">
      <alignment vertical="center"/>
    </xf>
    <xf numFmtId="0" fontId="35" fillId="0" borderId="24" xfId="46" applyFont="1" applyFill="1" applyBorder="1">
      <alignment vertical="center"/>
    </xf>
    <xf numFmtId="0" fontId="27" fillId="0" borderId="0" xfId="47" applyFont="1" applyFill="1" applyBorder="1" applyAlignment="1"/>
    <xf numFmtId="0" fontId="36" fillId="0" borderId="0" xfId="46" applyFont="1" applyFill="1">
      <alignment vertical="center"/>
    </xf>
    <xf numFmtId="0" fontId="36" fillId="0" borderId="0" xfId="46" applyFont="1" applyFill="1" applyBorder="1">
      <alignment vertical="center"/>
    </xf>
    <xf numFmtId="0" fontId="36" fillId="0" borderId="17" xfId="46" applyFont="1" applyFill="1" applyBorder="1">
      <alignment vertical="center"/>
    </xf>
    <xf numFmtId="0" fontId="36" fillId="0" borderId="16" xfId="46" applyFont="1" applyFill="1" applyBorder="1">
      <alignment vertical="center"/>
    </xf>
    <xf numFmtId="0" fontId="36" fillId="0" borderId="15" xfId="46" applyFont="1" applyFill="1" applyBorder="1">
      <alignment vertical="center"/>
    </xf>
    <xf numFmtId="0" fontId="36" fillId="0" borderId="23" xfId="46" applyFont="1" applyFill="1" applyBorder="1">
      <alignment vertical="center"/>
    </xf>
    <xf numFmtId="0" fontId="36" fillId="0" borderId="24" xfId="46" applyFont="1" applyFill="1" applyBorder="1">
      <alignment vertical="center"/>
    </xf>
    <xf numFmtId="0" fontId="27" fillId="0" borderId="21" xfId="46" applyFont="1" applyFill="1" applyBorder="1" applyAlignment="1">
      <alignment horizontal="center" vertical="center" wrapText="1"/>
    </xf>
    <xf numFmtId="58" fontId="27" fillId="0" borderId="0" xfId="46" quotePrefix="1" applyNumberFormat="1" applyFont="1" applyFill="1" applyBorder="1">
      <alignment vertical="center"/>
    </xf>
    <xf numFmtId="0" fontId="27" fillId="0" borderId="0" xfId="57" applyFont="1" applyFill="1" applyBorder="1" applyAlignment="1">
      <alignment horizontal="left" vertical="center"/>
    </xf>
    <xf numFmtId="0" fontId="36" fillId="0" borderId="0" xfId="57" applyFont="1" applyFill="1" applyBorder="1" applyAlignment="1">
      <alignment horizontal="left" vertical="center"/>
    </xf>
    <xf numFmtId="0" fontId="36" fillId="0" borderId="0" xfId="57" applyFont="1" applyFill="1" applyBorder="1" applyAlignment="1">
      <alignment vertical="center"/>
    </xf>
    <xf numFmtId="0" fontId="36" fillId="0" borderId="0" xfId="46" quotePrefix="1" applyFont="1" applyFill="1" applyBorder="1" applyAlignment="1">
      <alignment horizontal="right" vertical="center"/>
    </xf>
    <xf numFmtId="0" fontId="35" fillId="0" borderId="0" xfId="46" applyFont="1" applyFill="1" applyBorder="1" applyAlignment="1">
      <alignment vertical="center"/>
    </xf>
    <xf numFmtId="0" fontId="34" fillId="0" borderId="0" xfId="46" applyFont="1" applyFill="1" applyBorder="1" applyAlignment="1">
      <alignment vertical="center"/>
    </xf>
    <xf numFmtId="0" fontId="36" fillId="0" borderId="13" xfId="46" applyFont="1" applyFill="1" applyBorder="1">
      <alignment vertical="center"/>
    </xf>
    <xf numFmtId="0" fontId="36" fillId="0" borderId="2" xfId="46" applyFont="1" applyFill="1" applyBorder="1">
      <alignment vertical="center"/>
    </xf>
    <xf numFmtId="0" fontId="36" fillId="0" borderId="12" xfId="46" applyFont="1" applyFill="1" applyBorder="1">
      <alignment vertical="center"/>
    </xf>
    <xf numFmtId="0" fontId="29" fillId="0" borderId="0" xfId="58" applyFont="1" applyFill="1" applyAlignment="1">
      <alignment horizontal="left" vertical="center"/>
    </xf>
    <xf numFmtId="0" fontId="30" fillId="0" borderId="17" xfId="46" applyFont="1" applyFill="1" applyBorder="1">
      <alignment vertical="center"/>
    </xf>
    <xf numFmtId="177" fontId="30" fillId="0" borderId="16" xfId="46" applyNumberFormat="1" applyFont="1" applyFill="1" applyBorder="1" applyAlignment="1">
      <alignment horizontal="right" vertical="center"/>
    </xf>
    <xf numFmtId="0" fontId="30" fillId="0" borderId="16" xfId="46" applyFont="1" applyFill="1" applyBorder="1">
      <alignment vertical="center"/>
    </xf>
    <xf numFmtId="0" fontId="30" fillId="0" borderId="15" xfId="46" applyFont="1" applyFill="1" applyBorder="1">
      <alignment vertical="center"/>
    </xf>
    <xf numFmtId="177" fontId="27" fillId="0" borderId="17" xfId="46" applyNumberFormat="1" applyFont="1" applyFill="1" applyBorder="1" applyAlignment="1">
      <alignment horizontal="right" vertical="center"/>
    </xf>
    <xf numFmtId="0" fontId="27" fillId="0" borderId="24" xfId="46" applyFont="1" applyFill="1" applyBorder="1" applyAlignment="1">
      <alignment horizontal="left" vertical="center"/>
    </xf>
    <xf numFmtId="0" fontId="30" fillId="0" borderId="0" xfId="46" applyFont="1" applyFill="1" applyBorder="1" applyAlignment="1">
      <alignment horizontal="center" vertical="center"/>
    </xf>
    <xf numFmtId="0" fontId="30" fillId="0" borderId="0" xfId="56" applyFont="1" applyFill="1" applyBorder="1" applyAlignment="1">
      <alignment vertical="center"/>
    </xf>
    <xf numFmtId="49" fontId="30" fillId="0" borderId="0" xfId="56" applyNumberFormat="1" applyFont="1" applyFill="1" applyBorder="1" applyAlignment="1">
      <alignment horizontal="center" vertical="center"/>
    </xf>
    <xf numFmtId="0" fontId="30" fillId="0" borderId="0" xfId="56" applyFont="1" applyFill="1" applyBorder="1" applyAlignment="1">
      <alignment horizontal="center" vertical="center"/>
    </xf>
    <xf numFmtId="49" fontId="30" fillId="0" borderId="0" xfId="56" applyNumberFormat="1" applyFont="1" applyFill="1" applyBorder="1" applyAlignment="1">
      <alignment horizontal="left" vertical="center"/>
    </xf>
    <xf numFmtId="0" fontId="30" fillId="0" borderId="0" xfId="56" applyFont="1" applyFill="1" applyBorder="1" applyAlignment="1">
      <alignment horizontal="left" vertical="center"/>
    </xf>
    <xf numFmtId="0" fontId="32" fillId="0" borderId="0" xfId="56" applyFont="1" applyFill="1" applyBorder="1" applyAlignment="1">
      <alignment horizontal="center" vertical="center"/>
    </xf>
    <xf numFmtId="0" fontId="34" fillId="0" borderId="0" xfId="56" applyFont="1" applyFill="1" applyBorder="1" applyAlignment="1">
      <alignment horizontal="center"/>
    </xf>
    <xf numFmtId="0" fontId="30" fillId="0" borderId="0" xfId="56" applyFont="1" applyFill="1" applyBorder="1" applyAlignment="1"/>
    <xf numFmtId="0" fontId="37" fillId="0" borderId="12" xfId="46" applyFont="1" applyFill="1" applyBorder="1">
      <alignment vertical="center"/>
    </xf>
    <xf numFmtId="177" fontId="26" fillId="0" borderId="21" xfId="46" applyNumberFormat="1" applyFont="1" applyBorder="1">
      <alignment vertical="center"/>
    </xf>
    <xf numFmtId="177" fontId="26" fillId="0" borderId="21" xfId="46" applyNumberFormat="1" applyFont="1" applyFill="1" applyBorder="1">
      <alignment vertical="center"/>
    </xf>
    <xf numFmtId="0" fontId="26" fillId="0" borderId="20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20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19" xfId="46" applyFont="1" applyBorder="1" applyAlignment="1">
      <alignment vertical="center"/>
    </xf>
    <xf numFmtId="0" fontId="26" fillId="0" borderId="18" xfId="46" applyFont="1" applyBorder="1" applyAlignment="1">
      <alignment horizontal="center" vertical="center"/>
    </xf>
    <xf numFmtId="0" fontId="26" fillId="0" borderId="14" xfId="46" applyFont="1" applyBorder="1" applyAlignment="1">
      <alignment horizontal="center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0" xfId="46" applyFont="1" applyAlignment="1">
      <alignment horizontal="right" vertical="center"/>
    </xf>
    <xf numFmtId="0" fontId="27" fillId="0" borderId="0" xfId="46" applyFont="1">
      <alignment vertical="center"/>
    </xf>
    <xf numFmtId="177" fontId="27" fillId="0" borderId="21" xfId="46" applyNumberFormat="1" applyFont="1" applyBorder="1">
      <alignment vertical="center"/>
    </xf>
    <xf numFmtId="0" fontId="27" fillId="0" borderId="21" xfId="46" applyFont="1" applyBorder="1" applyAlignment="1">
      <alignment horizontal="center" vertical="center"/>
    </xf>
    <xf numFmtId="0" fontId="27" fillId="0" borderId="0" xfId="46" applyFont="1" applyAlignment="1">
      <alignment horizontal="right" vertical="center"/>
    </xf>
    <xf numFmtId="0" fontId="27" fillId="0" borderId="0" xfId="46" quotePrefix="1" applyFont="1">
      <alignment vertical="center"/>
    </xf>
    <xf numFmtId="0" fontId="39" fillId="0" borderId="0" xfId="59" applyFont="1">
      <alignment vertical="center"/>
    </xf>
    <xf numFmtId="0" fontId="40" fillId="0" borderId="0" xfId="59" applyFont="1">
      <alignment vertical="center"/>
    </xf>
    <xf numFmtId="0" fontId="41" fillId="0" borderId="0" xfId="59" applyFont="1">
      <alignment vertical="center"/>
    </xf>
    <xf numFmtId="0" fontId="42" fillId="0" borderId="0" xfId="59" applyFont="1">
      <alignment vertical="center"/>
    </xf>
    <xf numFmtId="0" fontId="43" fillId="0" borderId="0" xfId="59" applyFont="1">
      <alignment vertical="center"/>
    </xf>
    <xf numFmtId="0" fontId="44" fillId="0" borderId="0" xfId="59" applyFont="1">
      <alignment vertical="center"/>
    </xf>
    <xf numFmtId="0" fontId="43" fillId="0" borderId="0" xfId="59" applyFont="1" applyBorder="1">
      <alignment vertical="center"/>
    </xf>
    <xf numFmtId="0" fontId="43" fillId="0" borderId="0" xfId="59" applyFont="1" applyBorder="1" applyAlignment="1">
      <alignment vertical="center" wrapText="1"/>
    </xf>
    <xf numFmtId="0" fontId="43" fillId="0" borderId="0" xfId="59" applyFont="1" applyBorder="1" applyAlignment="1">
      <alignment vertical="top" wrapText="1"/>
    </xf>
    <xf numFmtId="0" fontId="43" fillId="0" borderId="0" xfId="59" applyFont="1" applyBorder="1" applyAlignment="1">
      <alignment horizontal="left" vertical="top" wrapText="1"/>
    </xf>
    <xf numFmtId="0" fontId="46" fillId="0" borderId="0" xfId="55" applyFont="1" applyFill="1" applyAlignment="1">
      <alignment horizontal="left" vertical="center"/>
    </xf>
    <xf numFmtId="0" fontId="34" fillId="0" borderId="0" xfId="55" applyFont="1" applyFill="1" applyBorder="1" applyAlignment="1">
      <alignment horizontal="center"/>
    </xf>
    <xf numFmtId="0" fontId="32" fillId="0" borderId="0" xfId="55" applyFont="1" applyFill="1" applyBorder="1" applyAlignment="1">
      <alignment horizontal="center" vertical="center"/>
    </xf>
    <xf numFmtId="0" fontId="30" fillId="0" borderId="0" xfId="55" applyFont="1" applyFill="1" applyBorder="1" applyAlignment="1">
      <alignment horizontal="center" vertical="center"/>
    </xf>
    <xf numFmtId="0" fontId="30" fillId="0" borderId="0" xfId="55" applyFont="1" applyFill="1" applyBorder="1" applyAlignment="1">
      <alignment horizontal="left" vertical="center"/>
    </xf>
    <xf numFmtId="49" fontId="30" fillId="0" borderId="0" xfId="55" applyNumberFormat="1" applyFont="1" applyFill="1" applyBorder="1" applyAlignment="1">
      <alignment horizontal="left" vertical="center"/>
    </xf>
    <xf numFmtId="49" fontId="30" fillId="0" borderId="0" xfId="55" applyNumberFormat="1" applyFont="1" applyFill="1" applyBorder="1" applyAlignment="1">
      <alignment horizontal="center" vertical="center"/>
    </xf>
    <xf numFmtId="0" fontId="30" fillId="0" borderId="16" xfId="46" applyFont="1" applyFill="1" applyBorder="1" applyAlignment="1">
      <alignment horizontal="center" vertical="center"/>
    </xf>
    <xf numFmtId="0" fontId="34" fillId="0" borderId="0" xfId="47" applyFont="1" applyFill="1" applyBorder="1" applyAlignment="1">
      <alignment horizontal="center"/>
    </xf>
    <xf numFmtId="0" fontId="24" fillId="0" borderId="0" xfId="55" applyAlignment="1">
      <alignment horizontal="center"/>
    </xf>
    <xf numFmtId="0" fontId="32" fillId="0" borderId="0" xfId="47" applyFont="1" applyFill="1" applyBorder="1" applyAlignment="1">
      <alignment horizontal="center"/>
    </xf>
    <xf numFmtId="0" fontId="24" fillId="0" borderId="0" xfId="55" applyAlignment="1">
      <alignment horizontal="center" vertical="center"/>
    </xf>
    <xf numFmtId="0" fontId="27" fillId="0" borderId="0" xfId="46" applyFont="1" applyFill="1" applyBorder="1" applyAlignment="1">
      <alignment horizontal="center" vertical="center"/>
    </xf>
    <xf numFmtId="0" fontId="34" fillId="0" borderId="0" xfId="46" applyFont="1" applyFill="1" applyBorder="1" applyAlignment="1">
      <alignment horizontal="center" vertical="center"/>
    </xf>
    <xf numFmtId="0" fontId="24" fillId="0" borderId="0" xfId="55" applyAlignment="1">
      <alignment vertical="center"/>
    </xf>
    <xf numFmtId="0" fontId="32" fillId="0" borderId="0" xfId="46" applyFont="1" applyFill="1" applyBorder="1" applyAlignment="1">
      <alignment horizontal="center" vertical="center"/>
    </xf>
    <xf numFmtId="0" fontId="36" fillId="0" borderId="0" xfId="57" applyFont="1" applyFill="1" applyBorder="1" applyAlignment="1">
      <alignment horizontal="left" vertical="center"/>
    </xf>
    <xf numFmtId="49" fontId="36" fillId="0" borderId="0" xfId="57" applyNumberFormat="1" applyFont="1" applyFill="1" applyBorder="1" applyAlignment="1">
      <alignment horizontal="left" vertical="center"/>
    </xf>
    <xf numFmtId="49" fontId="27" fillId="0" borderId="0" xfId="57" applyNumberFormat="1" applyFont="1" applyFill="1" applyBorder="1" applyAlignment="1">
      <alignment horizontal="center" vertical="center"/>
    </xf>
    <xf numFmtId="0" fontId="27" fillId="0" borderId="0" xfId="57" applyFont="1" applyFill="1" applyBorder="1" applyAlignment="1">
      <alignment horizontal="center" vertical="center"/>
    </xf>
    <xf numFmtId="0" fontId="27" fillId="0" borderId="21" xfId="46" applyFont="1" applyFill="1" applyBorder="1" applyAlignment="1">
      <alignment horizontal="center" vertical="center"/>
    </xf>
    <xf numFmtId="0" fontId="27" fillId="0" borderId="0" xfId="57" applyFont="1" applyFill="1" applyBorder="1" applyAlignment="1">
      <alignment horizontal="left" vertical="center"/>
    </xf>
    <xf numFmtId="49" fontId="27" fillId="0" borderId="0" xfId="57" applyNumberFormat="1" applyFont="1" applyFill="1" applyBorder="1" applyAlignment="1">
      <alignment horizontal="left" vertical="center"/>
    </xf>
    <xf numFmtId="0" fontId="30" fillId="0" borderId="0" xfId="56" applyFont="1" applyFill="1" applyBorder="1" applyAlignment="1">
      <alignment horizontal="left" vertical="center"/>
    </xf>
    <xf numFmtId="0" fontId="30" fillId="0" borderId="0" xfId="56" applyFont="1" applyFill="1" applyBorder="1" applyAlignment="1">
      <alignment horizontal="center" vertical="center"/>
    </xf>
    <xf numFmtId="0" fontId="34" fillId="0" borderId="0" xfId="56" applyFont="1" applyFill="1" applyBorder="1" applyAlignment="1">
      <alignment horizontal="center"/>
    </xf>
    <xf numFmtId="0" fontId="32" fillId="0" borderId="0" xfId="56" applyFont="1" applyFill="1" applyBorder="1" applyAlignment="1">
      <alignment horizontal="center" vertical="center"/>
    </xf>
    <xf numFmtId="0" fontId="43" fillId="0" borderId="0" xfId="59" applyFont="1" applyBorder="1" applyAlignment="1">
      <alignment horizontal="left" vertical="top" wrapText="1"/>
    </xf>
    <xf numFmtId="0" fontId="45" fillId="0" borderId="0" xfId="59" applyFont="1" applyAlignment="1">
      <alignment horizontal="center" vertical="center"/>
    </xf>
    <xf numFmtId="0" fontId="43" fillId="0" borderId="0" xfId="59" applyFont="1" applyBorder="1" applyAlignment="1">
      <alignment horizontal="left" vertical="top"/>
    </xf>
    <xf numFmtId="0" fontId="25" fillId="0" borderId="0" xfId="46" applyFont="1" applyAlignment="1">
      <alignment horizontal="center" vertical="center"/>
    </xf>
    <xf numFmtId="0" fontId="38" fillId="0" borderId="0" xfId="46" applyFont="1" applyAlignment="1">
      <alignment horizontal="center" vertical="center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7" fillId="0" borderId="19" xfId="46" applyFont="1" applyFill="1" applyBorder="1" applyAlignment="1">
      <alignment horizontal="center" vertical="center"/>
    </xf>
    <xf numFmtId="0" fontId="27" fillId="0" borderId="1" xfId="46" applyFont="1" applyFill="1" applyBorder="1" applyAlignment="1">
      <alignment horizontal="center" vertical="center"/>
    </xf>
    <xf numFmtId="0" fontId="27" fillId="0" borderId="20" xfId="46" applyFont="1" applyFill="1" applyBorder="1" applyAlignment="1">
      <alignment horizontal="center" vertical="center"/>
    </xf>
    <xf numFmtId="0" fontId="27" fillId="0" borderId="12" xfId="46" applyFont="1" applyFill="1" applyBorder="1" applyAlignment="1">
      <alignment horizontal="center" vertical="center"/>
    </xf>
    <xf numFmtId="0" fontId="27" fillId="0" borderId="2" xfId="46" applyFont="1" applyFill="1" applyBorder="1" applyAlignment="1">
      <alignment horizontal="center" vertical="center"/>
    </xf>
    <xf numFmtId="0" fontId="27" fillId="0" borderId="13" xfId="46" applyFont="1" applyFill="1" applyBorder="1" applyAlignment="1">
      <alignment horizontal="center" vertical="center"/>
    </xf>
    <xf numFmtId="0" fontId="27" fillId="0" borderId="15" xfId="46" applyFont="1" applyFill="1" applyBorder="1" applyAlignment="1">
      <alignment horizontal="center" vertical="center"/>
    </xf>
    <xf numFmtId="0" fontId="27" fillId="0" borderId="16" xfId="46" applyFont="1" applyFill="1" applyBorder="1" applyAlignment="1">
      <alignment horizontal="center" vertical="center"/>
    </xf>
    <xf numFmtId="0" fontId="27" fillId="0" borderId="17" xfId="46" applyFont="1" applyFill="1" applyBorder="1" applyAlignment="1">
      <alignment horizontal="center" vertical="center"/>
    </xf>
    <xf numFmtId="0" fontId="27" fillId="0" borderId="14" xfId="46" applyFont="1" applyFill="1" applyBorder="1" applyAlignment="1">
      <alignment horizontal="center" vertical="center" wrapText="1"/>
    </xf>
    <xf numFmtId="0" fontId="27" fillId="0" borderId="18" xfId="46" applyFont="1" applyFill="1" applyBorder="1" applyAlignment="1">
      <alignment horizontal="center" vertical="center" wrapText="1"/>
    </xf>
    <xf numFmtId="0" fontId="30" fillId="0" borderId="19" xfId="46" applyFont="1" applyFill="1" applyBorder="1" applyAlignment="1">
      <alignment vertical="center"/>
    </xf>
    <xf numFmtId="0" fontId="30" fillId="0" borderId="1" xfId="46" applyFont="1" applyFill="1" applyBorder="1" applyAlignment="1">
      <alignment vertical="center"/>
    </xf>
    <xf numFmtId="0" fontId="30" fillId="0" borderId="20" xfId="46" applyFont="1" applyFill="1" applyBorder="1" applyAlignment="1">
      <alignment vertical="center"/>
    </xf>
    <xf numFmtId="0" fontId="34" fillId="0" borderId="0" xfId="46" applyFont="1" applyAlignment="1">
      <alignment horizontal="center" vertical="center"/>
    </xf>
    <xf numFmtId="0" fontId="35" fillId="0" borderId="0" xfId="46" applyFont="1" applyAlignment="1">
      <alignment horizontal="center" vertical="center"/>
    </xf>
    <xf numFmtId="0" fontId="27" fillId="0" borderId="0" xfId="46" applyFont="1" applyAlignment="1">
      <alignment horizontal="center" vertical="center"/>
    </xf>
    <xf numFmtId="0" fontId="27" fillId="0" borderId="12" xfId="46" applyFont="1" applyBorder="1" applyAlignment="1">
      <alignment horizontal="center" vertical="center"/>
    </xf>
    <xf numFmtId="0" fontId="27" fillId="0" borderId="2" xfId="46" applyFont="1" applyBorder="1" applyAlignment="1">
      <alignment horizontal="center" vertical="center"/>
    </xf>
    <xf numFmtId="0" fontId="27" fillId="0" borderId="13" xfId="46" applyFont="1" applyBorder="1" applyAlignment="1">
      <alignment horizontal="center" vertical="center"/>
    </xf>
    <xf numFmtId="0" fontId="27" fillId="0" borderId="15" xfId="46" applyFont="1" applyBorder="1" applyAlignment="1">
      <alignment horizontal="center" vertical="center"/>
    </xf>
    <xf numFmtId="0" fontId="27" fillId="0" borderId="16" xfId="46" applyFont="1" applyBorder="1" applyAlignment="1">
      <alignment horizontal="center" vertical="center"/>
    </xf>
    <xf numFmtId="0" fontId="27" fillId="0" borderId="17" xfId="46" applyFont="1" applyBorder="1" applyAlignment="1">
      <alignment horizontal="center" vertical="center"/>
    </xf>
    <xf numFmtId="0" fontId="27" fillId="0" borderId="14" xfId="46" applyFont="1" applyBorder="1" applyAlignment="1">
      <alignment horizontal="center" vertical="center"/>
    </xf>
    <xf numFmtId="0" fontId="27" fillId="0" borderId="18" xfId="46" applyFont="1" applyBorder="1" applyAlignment="1">
      <alignment horizontal="center" vertical="center"/>
    </xf>
    <xf numFmtId="0" fontId="27" fillId="0" borderId="19" xfId="46" applyFont="1" applyBorder="1" applyAlignment="1">
      <alignment horizontal="center" vertical="center"/>
    </xf>
    <xf numFmtId="0" fontId="27" fillId="0" borderId="1" xfId="46" applyFont="1" applyBorder="1" applyAlignment="1">
      <alignment horizontal="center" vertical="center"/>
    </xf>
    <xf numFmtId="0" fontId="27" fillId="0" borderId="20" xfId="46" applyFont="1" applyBorder="1" applyAlignment="1">
      <alignment horizontal="center" vertical="center"/>
    </xf>
    <xf numFmtId="0" fontId="27" fillId="0" borderId="14" xfId="46" applyFont="1" applyBorder="1" applyAlignment="1">
      <alignment horizontal="center" vertical="center" wrapText="1"/>
    </xf>
    <xf numFmtId="0" fontId="27" fillId="0" borderId="18" xfId="46" applyFont="1" applyBorder="1" applyAlignment="1">
      <alignment horizontal="center" vertical="center" wrapText="1"/>
    </xf>
    <xf numFmtId="0" fontId="27" fillId="0" borderId="21" xfId="46" applyFont="1" applyBorder="1" applyAlignment="1">
      <alignment horizontal="left" vertical="center"/>
    </xf>
    <xf numFmtId="0" fontId="27" fillId="0" borderId="21" xfId="46" applyFont="1" applyBorder="1" applyAlignment="1">
      <alignment horizontal="center" vertical="center"/>
    </xf>
  </cellXfs>
  <cellStyles count="60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9"/>
    <cellStyle name="標準 2" xfId="45"/>
    <cellStyle name="標準 2 2" xfId="46"/>
    <cellStyle name="標準 3" xfId="47"/>
    <cellStyle name="標準 4" xfId="49"/>
    <cellStyle name="標準 4 2" xfId="55"/>
    <cellStyle name="標準 4 3" xfId="58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620808\Desktop\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252877/Desktop/&#9733;&#35430;&#31639;&#34920;&#20316;&#25104;&#24195;&#22580;&#9733;/0004795352000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200"/>
  <sheetViews>
    <sheetView showGridLines="0" tabSelected="1" zoomScale="60" zoomScaleNormal="60" workbookViewId="0"/>
  </sheetViews>
  <sheetFormatPr defaultColWidth="8.875" defaultRowHeight="22.5" customHeight="1" x14ac:dyDescent="0.15"/>
  <cols>
    <col min="1" max="1" width="7.125" style="11" customWidth="1"/>
    <col min="2" max="7" width="3.75" style="11" customWidth="1"/>
    <col min="8" max="8" width="21.375" style="11" customWidth="1"/>
    <col min="9" max="9" width="34.125" style="11" customWidth="1"/>
    <col min="10" max="10" width="1.125" style="11" customWidth="1"/>
    <col min="11" max="16" width="3.75" style="11" customWidth="1"/>
    <col min="17" max="17" width="21.375" style="11" customWidth="1"/>
    <col min="18" max="18" width="34.125" style="11" customWidth="1"/>
    <col min="19" max="19" width="1.125" style="11" customWidth="1"/>
    <col min="20" max="20" width="7.125" style="11" customWidth="1"/>
    <col min="21" max="16384" width="8.875" style="11"/>
  </cols>
  <sheetData>
    <row r="1" spans="1:20" ht="22.5" customHeight="1" x14ac:dyDescent="0.15">
      <c r="B1" s="8" t="s">
        <v>98</v>
      </c>
    </row>
    <row r="2" spans="1:20" ht="22.5" customHeight="1" x14ac:dyDescent="0.15">
      <c r="B2" s="8" t="s">
        <v>97</v>
      </c>
    </row>
    <row r="3" spans="1:20" ht="22.5" customHeight="1" x14ac:dyDescent="0.15">
      <c r="B3" s="8" t="s">
        <v>96</v>
      </c>
    </row>
    <row r="4" spans="1:20" ht="22.5" customHeight="1" x14ac:dyDescent="0.15">
      <c r="A4" s="53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52"/>
    </row>
    <row r="5" spans="1:20" ht="22.5" customHeight="1" x14ac:dyDescent="0.2">
      <c r="A5" s="19"/>
      <c r="B5" s="14"/>
      <c r="C5" s="51"/>
      <c r="D5" s="51"/>
      <c r="E5" s="51"/>
      <c r="F5" s="51"/>
      <c r="G5" s="51"/>
      <c r="H5" s="51"/>
      <c r="I5" s="51"/>
      <c r="J5" s="51"/>
      <c r="K5" s="51"/>
      <c r="L5" s="51"/>
      <c r="M5" s="51"/>
      <c r="N5" s="51"/>
      <c r="O5" s="51"/>
      <c r="P5" s="51"/>
      <c r="Q5" s="51"/>
      <c r="R5" s="51"/>
      <c r="S5" s="51"/>
      <c r="T5" s="17"/>
    </row>
    <row r="6" spans="1:20" ht="28.5" x14ac:dyDescent="0.3">
      <c r="A6" s="19"/>
      <c r="B6" s="142" t="s">
        <v>95</v>
      </c>
      <c r="C6" s="142"/>
      <c r="D6" s="142"/>
      <c r="E6" s="142"/>
      <c r="F6" s="142"/>
      <c r="G6" s="142"/>
      <c r="H6" s="142"/>
      <c r="I6" s="142"/>
      <c r="J6" s="142"/>
      <c r="K6" s="142"/>
      <c r="L6" s="142"/>
      <c r="M6" s="142"/>
      <c r="N6" s="142"/>
      <c r="O6" s="142"/>
      <c r="P6" s="142"/>
      <c r="Q6" s="142"/>
      <c r="R6" s="142"/>
      <c r="S6" s="50"/>
      <c r="T6" s="17"/>
    </row>
    <row r="7" spans="1:20" ht="22.5" customHeight="1" x14ac:dyDescent="0.15">
      <c r="A7" s="19"/>
      <c r="B7" s="143" t="s">
        <v>94</v>
      </c>
      <c r="C7" s="143"/>
      <c r="D7" s="143"/>
      <c r="E7" s="143"/>
      <c r="F7" s="143"/>
      <c r="G7" s="143"/>
      <c r="H7" s="143"/>
      <c r="I7" s="143"/>
      <c r="J7" s="143"/>
      <c r="K7" s="143"/>
      <c r="L7" s="143"/>
      <c r="M7" s="143"/>
      <c r="N7" s="143"/>
      <c r="O7" s="143"/>
      <c r="P7" s="143"/>
      <c r="Q7" s="143"/>
      <c r="R7" s="143"/>
      <c r="S7" s="49"/>
      <c r="T7" s="17"/>
    </row>
    <row r="8" spans="1:20" ht="22.5" hidden="1" customHeight="1" x14ac:dyDescent="0.15">
      <c r="A8" s="19"/>
      <c r="B8" s="47"/>
      <c r="C8" s="47"/>
      <c r="D8" s="47"/>
      <c r="E8" s="47"/>
      <c r="F8" s="47"/>
      <c r="G8" s="47"/>
      <c r="H8" s="47"/>
      <c r="I8" s="47"/>
      <c r="J8" s="47"/>
      <c r="K8" s="47"/>
      <c r="L8" s="47"/>
      <c r="M8" s="47"/>
      <c r="N8" s="47"/>
      <c r="O8" s="47"/>
      <c r="P8" s="47"/>
      <c r="Q8" s="47"/>
      <c r="R8" s="47"/>
      <c r="S8" s="47"/>
      <c r="T8" s="17"/>
    </row>
    <row r="9" spans="1:20" ht="22.5" hidden="1" customHeight="1" x14ac:dyDescent="0.15">
      <c r="A9" s="19"/>
      <c r="B9" s="144"/>
      <c r="C9" s="144"/>
      <c r="D9" s="144"/>
      <c r="E9" s="47"/>
      <c r="F9" s="47"/>
      <c r="G9" s="47"/>
      <c r="H9" s="47"/>
      <c r="I9" s="47"/>
      <c r="J9" s="145"/>
      <c r="K9" s="145"/>
      <c r="L9" s="145"/>
      <c r="M9" s="145"/>
      <c r="N9" s="146"/>
      <c r="O9" s="146"/>
      <c r="P9" s="146"/>
      <c r="Q9" s="14"/>
      <c r="R9" s="47"/>
      <c r="S9" s="47"/>
      <c r="T9" s="17"/>
    </row>
    <row r="10" spans="1:20" ht="22.5" hidden="1" customHeight="1" x14ac:dyDescent="0.15">
      <c r="A10" s="19"/>
      <c r="B10" s="47"/>
      <c r="C10" s="47"/>
      <c r="D10" s="47"/>
      <c r="E10" s="47"/>
      <c r="F10" s="47"/>
      <c r="G10" s="47"/>
      <c r="H10" s="47"/>
      <c r="I10" s="47"/>
      <c r="J10" s="145"/>
      <c r="K10" s="145"/>
      <c r="L10" s="145"/>
      <c r="M10" s="145"/>
      <c r="N10" s="146"/>
      <c r="O10" s="146"/>
      <c r="P10" s="146"/>
      <c r="Q10" s="48"/>
      <c r="R10" s="47"/>
      <c r="S10" s="47"/>
      <c r="T10" s="17"/>
    </row>
    <row r="11" spans="1:20" ht="22.5" hidden="1" customHeight="1" x14ac:dyDescent="0.15">
      <c r="A11" s="19"/>
      <c r="B11" s="47"/>
      <c r="C11" s="47"/>
      <c r="D11" s="47"/>
      <c r="E11" s="47"/>
      <c r="F11" s="47"/>
      <c r="G11" s="47"/>
      <c r="H11" s="47"/>
      <c r="I11" s="47"/>
      <c r="J11" s="145"/>
      <c r="K11" s="145"/>
      <c r="L11" s="145"/>
      <c r="M11" s="145"/>
      <c r="N11" s="146"/>
      <c r="O11" s="146"/>
      <c r="P11" s="146"/>
      <c r="Q11" s="14"/>
      <c r="R11" s="47"/>
      <c r="S11" s="47"/>
      <c r="T11" s="17"/>
    </row>
    <row r="12" spans="1:20" ht="22.5" hidden="1" customHeight="1" x14ac:dyDescent="0.15">
      <c r="A12" s="19"/>
      <c r="B12" s="47"/>
      <c r="C12" s="47"/>
      <c r="D12" s="47"/>
      <c r="E12" s="47"/>
      <c r="F12" s="47"/>
      <c r="G12" s="47"/>
      <c r="H12" s="47"/>
      <c r="I12" s="47"/>
      <c r="J12" s="145"/>
      <c r="K12" s="145"/>
      <c r="L12" s="145"/>
      <c r="M12" s="145"/>
      <c r="N12" s="146"/>
      <c r="O12" s="146"/>
      <c r="P12" s="146"/>
      <c r="Q12" s="48"/>
      <c r="R12" s="47"/>
      <c r="S12" s="47"/>
      <c r="T12" s="17"/>
    </row>
    <row r="13" spans="1:20" ht="22.5" hidden="1" customHeight="1" x14ac:dyDescent="0.15">
      <c r="A13" s="19"/>
      <c r="B13" s="47"/>
      <c r="C13" s="47"/>
      <c r="D13" s="47"/>
      <c r="E13" s="47"/>
      <c r="F13" s="47"/>
      <c r="G13" s="47"/>
      <c r="H13" s="47"/>
      <c r="I13" s="47"/>
      <c r="J13" s="145"/>
      <c r="K13" s="145"/>
      <c r="L13" s="145"/>
      <c r="M13" s="145"/>
      <c r="N13" s="146" t="s">
        <v>93</v>
      </c>
      <c r="O13" s="146"/>
      <c r="P13" s="146"/>
      <c r="Q13" s="48"/>
      <c r="R13" s="47"/>
      <c r="S13" s="47"/>
      <c r="T13" s="17"/>
    </row>
    <row r="14" spans="1:20" ht="22.5" customHeight="1" x14ac:dyDescent="0.15">
      <c r="A14" s="19"/>
      <c r="B14" s="47"/>
      <c r="C14" s="47"/>
      <c r="D14" s="47"/>
      <c r="E14" s="47"/>
      <c r="F14" s="47"/>
      <c r="G14" s="47"/>
      <c r="H14" s="47"/>
      <c r="I14" s="47"/>
      <c r="J14" s="47"/>
      <c r="K14" s="144"/>
      <c r="L14" s="144"/>
      <c r="M14" s="144"/>
      <c r="N14" s="147" t="s">
        <v>93</v>
      </c>
      <c r="O14" s="147"/>
      <c r="P14" s="147"/>
      <c r="Q14" s="48"/>
      <c r="R14" s="47"/>
      <c r="S14" s="47"/>
      <c r="T14" s="17"/>
    </row>
    <row r="15" spans="1:20" ht="18.75" x14ac:dyDescent="0.15">
      <c r="A15" s="19"/>
      <c r="B15" s="148"/>
      <c r="C15" s="148"/>
      <c r="D15" s="148"/>
      <c r="E15" s="14"/>
      <c r="F15" s="46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45" t="s">
        <v>92</v>
      </c>
      <c r="S15" s="44"/>
      <c r="T15" s="17"/>
    </row>
    <row r="16" spans="1:20" ht="22.5" customHeight="1" x14ac:dyDescent="0.15">
      <c r="A16" s="43"/>
      <c r="B16" s="42" t="s">
        <v>91</v>
      </c>
      <c r="C16" s="38"/>
      <c r="D16" s="38"/>
      <c r="E16" s="41"/>
      <c r="F16" s="38"/>
      <c r="G16" s="38"/>
      <c r="H16" s="38"/>
      <c r="I16" s="37"/>
      <c r="J16" s="40"/>
      <c r="K16" s="39" t="s">
        <v>90</v>
      </c>
      <c r="L16" s="38"/>
      <c r="M16" s="38"/>
      <c r="N16" s="38"/>
      <c r="O16" s="38"/>
      <c r="P16" s="38"/>
      <c r="Q16" s="38"/>
      <c r="R16" s="37"/>
      <c r="S16" s="36"/>
      <c r="T16" s="17"/>
    </row>
    <row r="17" spans="1:20" ht="22.5" customHeight="1" x14ac:dyDescent="0.15">
      <c r="A17" s="19"/>
      <c r="B17" s="29"/>
      <c r="C17" s="20" t="s">
        <v>89</v>
      </c>
      <c r="D17" s="20"/>
      <c r="E17" s="20"/>
      <c r="F17" s="20"/>
      <c r="G17" s="20"/>
      <c r="H17" s="20"/>
      <c r="I17" s="28">
        <v>0</v>
      </c>
      <c r="J17" s="27"/>
      <c r="K17" s="29"/>
      <c r="L17" s="35" t="s">
        <v>88</v>
      </c>
      <c r="M17" s="20"/>
      <c r="N17" s="20"/>
      <c r="O17" s="20"/>
      <c r="P17" s="20"/>
      <c r="Q17" s="20"/>
      <c r="R17" s="28">
        <v>287820790</v>
      </c>
      <c r="S17" s="34"/>
      <c r="T17" s="17"/>
    </row>
    <row r="18" spans="1:20" ht="22.5" customHeight="1" x14ac:dyDescent="0.15">
      <c r="A18" s="19"/>
      <c r="B18" s="29"/>
      <c r="C18" s="20"/>
      <c r="D18" s="20" t="s">
        <v>87</v>
      </c>
      <c r="E18" s="20"/>
      <c r="F18" s="20"/>
      <c r="G18" s="20"/>
      <c r="H18" s="20"/>
      <c r="I18" s="28">
        <v>0</v>
      </c>
      <c r="J18" s="27"/>
      <c r="K18" s="29"/>
      <c r="L18" s="20"/>
      <c r="M18" s="20" t="s">
        <v>74</v>
      </c>
      <c r="N18" s="20"/>
      <c r="O18" s="20"/>
      <c r="P18" s="20"/>
      <c r="Q18" s="20"/>
      <c r="R18" s="28">
        <v>41320000</v>
      </c>
      <c r="S18" s="34"/>
      <c r="T18" s="17"/>
    </row>
    <row r="19" spans="1:20" ht="22.5" customHeight="1" x14ac:dyDescent="0.15">
      <c r="A19" s="19"/>
      <c r="B19" s="29"/>
      <c r="C19" s="20"/>
      <c r="D19" s="20"/>
      <c r="E19" s="20" t="s">
        <v>86</v>
      </c>
      <c r="F19" s="20"/>
      <c r="G19" s="20"/>
      <c r="H19" s="20"/>
      <c r="I19" s="28">
        <v>0</v>
      </c>
      <c r="J19" s="27"/>
      <c r="K19" s="29"/>
      <c r="L19" s="20"/>
      <c r="M19" s="20" t="s">
        <v>85</v>
      </c>
      <c r="N19" s="20"/>
      <c r="O19" s="20"/>
      <c r="P19" s="20"/>
      <c r="Q19" s="20"/>
      <c r="R19" s="28">
        <v>0</v>
      </c>
      <c r="S19" s="34"/>
      <c r="T19" s="17"/>
    </row>
    <row r="20" spans="1:20" ht="22.5" customHeight="1" x14ac:dyDescent="0.15">
      <c r="A20" s="19"/>
      <c r="B20" s="29"/>
      <c r="C20" s="20"/>
      <c r="D20" s="20"/>
      <c r="E20" s="20" t="s">
        <v>84</v>
      </c>
      <c r="F20" s="20"/>
      <c r="G20" s="20"/>
      <c r="H20" s="20"/>
      <c r="I20" s="28">
        <v>0</v>
      </c>
      <c r="J20" s="27"/>
      <c r="K20" s="29"/>
      <c r="L20" s="20"/>
      <c r="M20" s="20"/>
      <c r="N20" s="20" t="s">
        <v>70</v>
      </c>
      <c r="O20" s="20"/>
      <c r="P20" s="20"/>
      <c r="Q20" s="20"/>
      <c r="R20" s="28">
        <v>0</v>
      </c>
      <c r="S20" s="34"/>
      <c r="T20" s="17"/>
    </row>
    <row r="21" spans="1:20" ht="22.5" customHeight="1" x14ac:dyDescent="0.15">
      <c r="A21" s="19"/>
      <c r="B21" s="29"/>
      <c r="C21" s="20"/>
      <c r="D21" s="20" t="s">
        <v>83</v>
      </c>
      <c r="E21" s="20"/>
      <c r="F21" s="20"/>
      <c r="G21" s="20"/>
      <c r="H21" s="20"/>
      <c r="I21" s="28">
        <v>0</v>
      </c>
      <c r="J21" s="27"/>
      <c r="K21" s="29"/>
      <c r="L21" s="20"/>
      <c r="M21" s="20"/>
      <c r="N21" s="20" t="s">
        <v>82</v>
      </c>
      <c r="O21" s="20"/>
      <c r="P21" s="20"/>
      <c r="Q21" s="20"/>
      <c r="R21" s="28">
        <v>0</v>
      </c>
      <c r="S21" s="34"/>
      <c r="T21" s="17"/>
    </row>
    <row r="22" spans="1:20" ht="22.5" customHeight="1" x14ac:dyDescent="0.15">
      <c r="A22" s="19"/>
      <c r="B22" s="29"/>
      <c r="C22" s="20"/>
      <c r="D22" s="20" t="s">
        <v>29</v>
      </c>
      <c r="E22" s="20"/>
      <c r="F22" s="20"/>
      <c r="G22" s="20"/>
      <c r="H22" s="20"/>
      <c r="I22" s="28">
        <v>0</v>
      </c>
      <c r="J22" s="27"/>
      <c r="K22" s="29"/>
      <c r="L22" s="20"/>
      <c r="M22" s="20" t="s">
        <v>81</v>
      </c>
      <c r="N22" s="20"/>
      <c r="O22" s="20"/>
      <c r="P22" s="20"/>
      <c r="Q22" s="20"/>
      <c r="R22" s="28">
        <v>44031838</v>
      </c>
      <c r="S22" s="34"/>
      <c r="T22" s="17"/>
    </row>
    <row r="23" spans="1:20" ht="22.5" customHeight="1" x14ac:dyDescent="0.15">
      <c r="A23" s="19"/>
      <c r="B23" s="29"/>
      <c r="C23" s="20"/>
      <c r="D23" s="20" t="s">
        <v>34</v>
      </c>
      <c r="E23" s="20"/>
      <c r="F23" s="20"/>
      <c r="G23" s="20"/>
      <c r="H23" s="20"/>
      <c r="I23" s="28">
        <v>0</v>
      </c>
      <c r="J23" s="27"/>
      <c r="K23" s="29"/>
      <c r="L23" s="20"/>
      <c r="M23" s="20" t="s">
        <v>80</v>
      </c>
      <c r="N23" s="20"/>
      <c r="O23" s="20"/>
      <c r="P23" s="20"/>
      <c r="Q23" s="20"/>
      <c r="R23" s="28">
        <v>0</v>
      </c>
      <c r="S23" s="34"/>
      <c r="T23" s="17"/>
    </row>
    <row r="24" spans="1:20" ht="22.5" customHeight="1" x14ac:dyDescent="0.15">
      <c r="A24" s="19"/>
      <c r="B24" s="29"/>
      <c r="C24" s="20"/>
      <c r="D24" s="20"/>
      <c r="E24" s="20" t="s">
        <v>79</v>
      </c>
      <c r="F24" s="20"/>
      <c r="G24" s="20"/>
      <c r="H24" s="20"/>
      <c r="I24" s="28">
        <v>0</v>
      </c>
      <c r="J24" s="27"/>
      <c r="K24" s="29"/>
      <c r="L24" s="20"/>
      <c r="M24" s="20" t="s">
        <v>78</v>
      </c>
      <c r="N24" s="20"/>
      <c r="O24" s="20"/>
      <c r="P24" s="20"/>
      <c r="Q24" s="20"/>
      <c r="R24" s="28">
        <v>0</v>
      </c>
      <c r="S24" s="34"/>
      <c r="T24" s="17"/>
    </row>
    <row r="25" spans="1:20" ht="22.5" customHeight="1" x14ac:dyDescent="0.15">
      <c r="A25" s="19"/>
      <c r="B25" s="29"/>
      <c r="C25" s="20"/>
      <c r="D25" s="20"/>
      <c r="E25" s="20" t="s">
        <v>33</v>
      </c>
      <c r="F25" s="20"/>
      <c r="G25" s="20"/>
      <c r="H25" s="20"/>
      <c r="I25" s="28">
        <v>0</v>
      </c>
      <c r="J25" s="27"/>
      <c r="K25" s="29"/>
      <c r="L25" s="20"/>
      <c r="M25" s="20" t="s">
        <v>63</v>
      </c>
      <c r="N25" s="20"/>
      <c r="O25" s="20"/>
      <c r="P25" s="20"/>
      <c r="Q25" s="20"/>
      <c r="R25" s="28">
        <v>202468952</v>
      </c>
      <c r="S25" s="34"/>
      <c r="T25" s="17"/>
    </row>
    <row r="26" spans="1:20" ht="22.5" customHeight="1" x14ac:dyDescent="0.15">
      <c r="A26" s="19"/>
      <c r="B26" s="29"/>
      <c r="C26" s="20"/>
      <c r="D26" s="20" t="s">
        <v>29</v>
      </c>
      <c r="E26" s="20"/>
      <c r="F26" s="20"/>
      <c r="G26" s="20"/>
      <c r="H26" s="20"/>
      <c r="I26" s="28">
        <v>0</v>
      </c>
      <c r="J26" s="27"/>
      <c r="K26" s="29"/>
      <c r="L26" s="20"/>
      <c r="M26" s="20" t="s">
        <v>77</v>
      </c>
      <c r="N26" s="20"/>
      <c r="O26" s="20"/>
      <c r="P26" s="20"/>
      <c r="Q26" s="20"/>
      <c r="R26" s="28">
        <v>0</v>
      </c>
      <c r="S26" s="34"/>
      <c r="T26" s="17"/>
    </row>
    <row r="27" spans="1:20" ht="22.5" customHeight="1" x14ac:dyDescent="0.15">
      <c r="A27" s="19"/>
      <c r="B27" s="29"/>
      <c r="C27" s="20"/>
      <c r="D27" s="20" t="s">
        <v>76</v>
      </c>
      <c r="E27" s="20"/>
      <c r="F27" s="20"/>
      <c r="G27" s="20"/>
      <c r="H27" s="20"/>
      <c r="I27" s="28">
        <v>0</v>
      </c>
      <c r="J27" s="27"/>
      <c r="K27" s="29"/>
      <c r="L27" s="20" t="s">
        <v>75</v>
      </c>
      <c r="M27" s="20"/>
      <c r="N27" s="20"/>
      <c r="O27" s="20"/>
      <c r="P27" s="20"/>
      <c r="Q27" s="20"/>
      <c r="R27" s="28">
        <v>2299881014</v>
      </c>
      <c r="S27" s="34"/>
      <c r="T27" s="17"/>
    </row>
    <row r="28" spans="1:20" ht="22.5" customHeight="1" x14ac:dyDescent="0.15">
      <c r="A28" s="19"/>
      <c r="B28" s="29"/>
      <c r="C28" s="20"/>
      <c r="D28" s="20" t="s">
        <v>29</v>
      </c>
      <c r="E28" s="20"/>
      <c r="F28" s="20"/>
      <c r="G28" s="20"/>
      <c r="H28" s="20"/>
      <c r="I28" s="28">
        <v>0</v>
      </c>
      <c r="J28" s="27"/>
      <c r="K28" s="29"/>
      <c r="L28" s="20"/>
      <c r="M28" s="20" t="s">
        <v>74</v>
      </c>
      <c r="N28" s="20"/>
      <c r="O28" s="20"/>
      <c r="P28" s="20"/>
      <c r="Q28" s="20"/>
      <c r="R28" s="28">
        <v>312360000</v>
      </c>
      <c r="S28" s="34"/>
      <c r="T28" s="17"/>
    </row>
    <row r="29" spans="1:20" ht="22.5" customHeight="1" x14ac:dyDescent="0.15">
      <c r="A29" s="19"/>
      <c r="B29" s="29"/>
      <c r="C29" s="20"/>
      <c r="D29" s="20" t="s">
        <v>73</v>
      </c>
      <c r="E29" s="20"/>
      <c r="F29" s="20"/>
      <c r="G29" s="20"/>
      <c r="H29" s="20"/>
      <c r="I29" s="28">
        <v>0</v>
      </c>
      <c r="J29" s="27"/>
      <c r="K29" s="29"/>
      <c r="L29" s="20"/>
      <c r="M29" s="20" t="s">
        <v>72</v>
      </c>
      <c r="N29" s="20"/>
      <c r="O29" s="20"/>
      <c r="P29" s="20"/>
      <c r="Q29" s="20"/>
      <c r="R29" s="28">
        <v>0</v>
      </c>
      <c r="S29" s="34"/>
      <c r="T29" s="17"/>
    </row>
    <row r="30" spans="1:20" ht="22.5" customHeight="1" x14ac:dyDescent="0.15">
      <c r="A30" s="19"/>
      <c r="B30" s="29"/>
      <c r="C30" s="20" t="s">
        <v>71</v>
      </c>
      <c r="D30" s="20"/>
      <c r="E30" s="20"/>
      <c r="F30" s="20"/>
      <c r="G30" s="20"/>
      <c r="H30" s="20"/>
      <c r="I30" s="28">
        <v>2725682442</v>
      </c>
      <c r="J30" s="27"/>
      <c r="K30" s="29"/>
      <c r="L30" s="20"/>
      <c r="M30" s="20"/>
      <c r="N30" s="20" t="s">
        <v>70</v>
      </c>
      <c r="O30" s="20"/>
      <c r="P30" s="20"/>
      <c r="Q30" s="20"/>
      <c r="R30" s="28">
        <v>0</v>
      </c>
      <c r="S30" s="34"/>
      <c r="T30" s="17"/>
    </row>
    <row r="31" spans="1:20" ht="22.5" customHeight="1" x14ac:dyDescent="0.15">
      <c r="A31" s="19"/>
      <c r="B31" s="29"/>
      <c r="C31" s="20"/>
      <c r="D31" s="20" t="s">
        <v>69</v>
      </c>
      <c r="E31" s="20"/>
      <c r="F31" s="20"/>
      <c r="G31" s="20"/>
      <c r="H31" s="20"/>
      <c r="I31" s="28">
        <v>754217613</v>
      </c>
      <c r="J31" s="27"/>
      <c r="K31" s="29"/>
      <c r="L31" s="20"/>
      <c r="M31" s="20"/>
      <c r="N31" s="20" t="s">
        <v>68</v>
      </c>
      <c r="O31" s="20"/>
      <c r="P31" s="20"/>
      <c r="Q31" s="20"/>
      <c r="R31" s="28">
        <v>0</v>
      </c>
      <c r="S31" s="34"/>
      <c r="T31" s="17"/>
    </row>
    <row r="32" spans="1:20" ht="22.5" customHeight="1" x14ac:dyDescent="0.15">
      <c r="A32" s="19"/>
      <c r="B32" s="29"/>
      <c r="C32" s="20"/>
      <c r="D32" s="20"/>
      <c r="E32" s="20" t="s">
        <v>67</v>
      </c>
      <c r="F32" s="20"/>
      <c r="G32" s="20"/>
      <c r="H32" s="20"/>
      <c r="I32" s="28">
        <v>754217613</v>
      </c>
      <c r="J32" s="27"/>
      <c r="K32" s="29"/>
      <c r="L32" s="20"/>
      <c r="M32" s="20" t="s">
        <v>66</v>
      </c>
      <c r="N32" s="20"/>
      <c r="O32" s="20"/>
      <c r="P32" s="20"/>
      <c r="Q32" s="20"/>
      <c r="R32" s="28">
        <v>463169175</v>
      </c>
      <c r="S32" s="34"/>
      <c r="T32" s="17"/>
    </row>
    <row r="33" spans="1:20" ht="22.5" customHeight="1" x14ac:dyDescent="0.15">
      <c r="A33" s="19"/>
      <c r="B33" s="29"/>
      <c r="C33" s="20"/>
      <c r="D33" s="20"/>
      <c r="E33" s="20"/>
      <c r="F33" s="20" t="s">
        <v>49</v>
      </c>
      <c r="G33" s="20"/>
      <c r="H33" s="20"/>
      <c r="I33" s="28">
        <v>0</v>
      </c>
      <c r="J33" s="27"/>
      <c r="K33" s="29"/>
      <c r="L33" s="20"/>
      <c r="M33" s="20" t="s">
        <v>65</v>
      </c>
      <c r="N33" s="20"/>
      <c r="O33" s="20"/>
      <c r="P33" s="20"/>
      <c r="Q33" s="20"/>
      <c r="R33" s="28">
        <v>0</v>
      </c>
      <c r="S33" s="34"/>
      <c r="T33" s="17"/>
    </row>
    <row r="34" spans="1:20" ht="22.5" customHeight="1" x14ac:dyDescent="0.15">
      <c r="A34" s="19"/>
      <c r="B34" s="29"/>
      <c r="C34" s="20"/>
      <c r="D34" s="20"/>
      <c r="E34" s="20"/>
      <c r="F34" s="20" t="s">
        <v>48</v>
      </c>
      <c r="G34" s="20"/>
      <c r="H34" s="20"/>
      <c r="I34" s="31">
        <v>754217613</v>
      </c>
      <c r="J34" s="27"/>
      <c r="K34" s="29"/>
      <c r="L34" s="20"/>
      <c r="M34" s="20" t="s">
        <v>64</v>
      </c>
      <c r="N34" s="20"/>
      <c r="O34" s="20"/>
      <c r="P34" s="20"/>
      <c r="Q34" s="20"/>
      <c r="R34" s="31">
        <v>0</v>
      </c>
      <c r="S34" s="30"/>
      <c r="T34" s="17"/>
    </row>
    <row r="35" spans="1:20" ht="22.5" customHeight="1" x14ac:dyDescent="0.15">
      <c r="A35" s="19"/>
      <c r="B35" s="29"/>
      <c r="C35" s="20"/>
      <c r="D35" s="20"/>
      <c r="E35" s="20"/>
      <c r="F35" s="20" t="s">
        <v>47</v>
      </c>
      <c r="G35" s="20"/>
      <c r="H35" s="20"/>
      <c r="I35" s="31">
        <v>0</v>
      </c>
      <c r="J35" s="27"/>
      <c r="K35" s="29"/>
      <c r="L35" s="20"/>
      <c r="M35" s="20" t="s">
        <v>63</v>
      </c>
      <c r="N35" s="20"/>
      <c r="O35" s="20"/>
      <c r="P35" s="20"/>
      <c r="Q35" s="20"/>
      <c r="R35" s="31">
        <v>1524351839</v>
      </c>
      <c r="S35" s="30"/>
      <c r="T35" s="17"/>
    </row>
    <row r="36" spans="1:20" ht="22.5" customHeight="1" x14ac:dyDescent="0.15">
      <c r="A36" s="19"/>
      <c r="B36" s="29"/>
      <c r="C36" s="20"/>
      <c r="D36" s="20"/>
      <c r="E36" s="20"/>
      <c r="F36" s="20" t="s">
        <v>62</v>
      </c>
      <c r="G36" s="20"/>
      <c r="H36" s="20"/>
      <c r="I36" s="31">
        <v>0</v>
      </c>
      <c r="J36" s="27"/>
      <c r="K36" s="29"/>
      <c r="L36" s="20"/>
      <c r="M36" s="20" t="s">
        <v>61</v>
      </c>
      <c r="N36" s="20"/>
      <c r="O36" s="20"/>
      <c r="P36" s="20"/>
      <c r="Q36" s="20"/>
      <c r="R36" s="31">
        <v>0</v>
      </c>
      <c r="S36" s="30"/>
      <c r="T36" s="17"/>
    </row>
    <row r="37" spans="1:20" ht="22.5" customHeight="1" x14ac:dyDescent="0.15">
      <c r="A37" s="19"/>
      <c r="B37" s="29"/>
      <c r="C37" s="20"/>
      <c r="D37" s="20"/>
      <c r="E37" s="20"/>
      <c r="F37" s="20" t="s">
        <v>60</v>
      </c>
      <c r="G37" s="20"/>
      <c r="H37" s="20"/>
      <c r="I37" s="31">
        <v>0</v>
      </c>
      <c r="J37" s="27"/>
      <c r="K37" s="24" t="s">
        <v>59</v>
      </c>
      <c r="L37" s="26"/>
      <c r="M37" s="23"/>
      <c r="N37" s="23"/>
      <c r="O37" s="23"/>
      <c r="P37" s="23"/>
      <c r="Q37" s="23"/>
      <c r="R37" s="33">
        <v>2587701804</v>
      </c>
      <c r="S37" s="32"/>
      <c r="T37" s="17"/>
    </row>
    <row r="38" spans="1:20" ht="22.5" customHeight="1" x14ac:dyDescent="0.15">
      <c r="A38" s="19"/>
      <c r="B38" s="29"/>
      <c r="C38" s="20"/>
      <c r="D38" s="20"/>
      <c r="E38" s="20"/>
      <c r="F38" s="20" t="s">
        <v>58</v>
      </c>
      <c r="G38" s="20"/>
      <c r="H38" s="20"/>
      <c r="I38" s="31">
        <v>0</v>
      </c>
      <c r="J38" s="27"/>
      <c r="K38" s="29" t="s">
        <v>57</v>
      </c>
      <c r="L38" s="20"/>
      <c r="M38" s="20"/>
      <c r="N38" s="20"/>
      <c r="O38" s="20"/>
      <c r="P38" s="20"/>
      <c r="Q38" s="20"/>
      <c r="R38" s="31"/>
      <c r="S38" s="30"/>
      <c r="T38" s="17"/>
    </row>
    <row r="39" spans="1:20" ht="22.5" customHeight="1" x14ac:dyDescent="0.15">
      <c r="A39" s="19"/>
      <c r="B39" s="29"/>
      <c r="C39" s="20"/>
      <c r="D39" s="20"/>
      <c r="E39" s="20"/>
      <c r="F39" s="20" t="s">
        <v>56</v>
      </c>
      <c r="G39" s="20"/>
      <c r="H39" s="20"/>
      <c r="I39" s="31">
        <v>0</v>
      </c>
      <c r="J39" s="27"/>
      <c r="K39" s="29"/>
      <c r="L39" s="20" t="s">
        <v>55</v>
      </c>
      <c r="M39" s="20"/>
      <c r="N39" s="20"/>
      <c r="O39" s="20"/>
      <c r="P39" s="20"/>
      <c r="Q39" s="20"/>
      <c r="R39" s="31">
        <v>137980638</v>
      </c>
      <c r="S39" s="30"/>
      <c r="T39" s="17"/>
    </row>
    <row r="40" spans="1:20" ht="22.5" customHeight="1" x14ac:dyDescent="0.15">
      <c r="A40" s="19"/>
      <c r="B40" s="29"/>
      <c r="C40" s="20"/>
      <c r="D40" s="20"/>
      <c r="E40" s="20" t="s">
        <v>54</v>
      </c>
      <c r="F40" s="20"/>
      <c r="G40" s="20"/>
      <c r="H40" s="20"/>
      <c r="I40" s="31">
        <v>0</v>
      </c>
      <c r="J40" s="27"/>
      <c r="K40" s="29"/>
      <c r="L40" s="20" t="s">
        <v>53</v>
      </c>
      <c r="M40" s="20"/>
      <c r="N40" s="20"/>
      <c r="O40" s="20"/>
      <c r="P40" s="20"/>
      <c r="Q40" s="20"/>
      <c r="R40" s="31">
        <v>0</v>
      </c>
      <c r="S40" s="30"/>
      <c r="T40" s="17"/>
    </row>
    <row r="41" spans="1:20" ht="22.5" customHeight="1" x14ac:dyDescent="0.15">
      <c r="A41" s="19"/>
      <c r="B41" s="29"/>
      <c r="C41" s="20"/>
      <c r="D41" s="20"/>
      <c r="E41" s="20"/>
      <c r="F41" s="20" t="s">
        <v>45</v>
      </c>
      <c r="G41" s="20"/>
      <c r="H41" s="20"/>
      <c r="I41" s="31">
        <v>0</v>
      </c>
      <c r="J41" s="27"/>
      <c r="K41" s="29"/>
      <c r="L41" s="20"/>
      <c r="M41" s="20" t="s">
        <v>52</v>
      </c>
      <c r="N41" s="20"/>
      <c r="O41" s="20"/>
      <c r="P41" s="20"/>
      <c r="Q41" s="20"/>
      <c r="R41" s="31">
        <v>0</v>
      </c>
      <c r="S41" s="30"/>
      <c r="T41" s="17"/>
    </row>
    <row r="42" spans="1:20" ht="22.5" customHeight="1" x14ac:dyDescent="0.15">
      <c r="A42" s="19"/>
      <c r="B42" s="29"/>
      <c r="C42" s="20"/>
      <c r="D42" s="20"/>
      <c r="E42" s="20"/>
      <c r="F42" s="20" t="s">
        <v>44</v>
      </c>
      <c r="G42" s="20"/>
      <c r="H42" s="20"/>
      <c r="I42" s="31">
        <v>0</v>
      </c>
      <c r="J42" s="27"/>
      <c r="K42" s="29"/>
      <c r="L42" s="20"/>
      <c r="M42" s="20"/>
      <c r="N42" s="20"/>
      <c r="O42" s="20"/>
      <c r="P42" s="20"/>
      <c r="Q42" s="20"/>
      <c r="R42" s="31"/>
      <c r="S42" s="30"/>
      <c r="T42" s="17"/>
    </row>
    <row r="43" spans="1:20" ht="22.5" customHeight="1" x14ac:dyDescent="0.15">
      <c r="A43" s="19"/>
      <c r="B43" s="29"/>
      <c r="C43" s="20"/>
      <c r="D43" s="20" t="s">
        <v>51</v>
      </c>
      <c r="E43" s="20"/>
      <c r="F43" s="20"/>
      <c r="G43" s="20"/>
      <c r="H43" s="20"/>
      <c r="I43" s="31">
        <v>0</v>
      </c>
      <c r="J43" s="27"/>
      <c r="K43" s="29"/>
      <c r="L43" s="20"/>
      <c r="M43" s="20"/>
      <c r="N43" s="20"/>
      <c r="O43" s="20"/>
      <c r="P43" s="20"/>
      <c r="Q43" s="20"/>
      <c r="R43" s="31"/>
      <c r="S43" s="30"/>
      <c r="T43" s="17"/>
    </row>
    <row r="44" spans="1:20" ht="22.5" customHeight="1" x14ac:dyDescent="0.15">
      <c r="A44" s="19"/>
      <c r="B44" s="29"/>
      <c r="C44" s="20"/>
      <c r="D44" s="20"/>
      <c r="E44" s="20" t="s">
        <v>50</v>
      </c>
      <c r="F44" s="20"/>
      <c r="G44" s="20"/>
      <c r="H44" s="20"/>
      <c r="I44" s="31">
        <v>0</v>
      </c>
      <c r="J44" s="27"/>
      <c r="K44" s="29"/>
      <c r="L44" s="20"/>
      <c r="M44" s="20"/>
      <c r="N44" s="20"/>
      <c r="O44" s="20"/>
      <c r="P44" s="20"/>
      <c r="Q44" s="20"/>
      <c r="R44" s="31"/>
      <c r="S44" s="30"/>
      <c r="T44" s="17"/>
    </row>
    <row r="45" spans="1:20" ht="22.5" customHeight="1" x14ac:dyDescent="0.15">
      <c r="A45" s="19"/>
      <c r="B45" s="29"/>
      <c r="C45" s="20"/>
      <c r="D45" s="20"/>
      <c r="E45" s="20"/>
      <c r="F45" s="20" t="s">
        <v>49</v>
      </c>
      <c r="G45" s="20"/>
      <c r="H45" s="20"/>
      <c r="I45" s="31">
        <v>0</v>
      </c>
      <c r="J45" s="27"/>
      <c r="K45" s="29"/>
      <c r="L45" s="20"/>
      <c r="M45" s="20"/>
      <c r="N45" s="20"/>
      <c r="O45" s="20"/>
      <c r="P45" s="20"/>
      <c r="Q45" s="20"/>
      <c r="R45" s="31"/>
      <c r="S45" s="30"/>
      <c r="T45" s="17"/>
    </row>
    <row r="46" spans="1:20" ht="22.5" customHeight="1" x14ac:dyDescent="0.15">
      <c r="A46" s="19"/>
      <c r="B46" s="29"/>
      <c r="C46" s="20"/>
      <c r="D46" s="20"/>
      <c r="E46" s="20"/>
      <c r="F46" s="20" t="s">
        <v>48</v>
      </c>
      <c r="G46" s="20"/>
      <c r="H46" s="20"/>
      <c r="I46" s="31">
        <v>0</v>
      </c>
      <c r="J46" s="27"/>
      <c r="K46" s="29"/>
      <c r="L46" s="20"/>
      <c r="M46" s="20"/>
      <c r="N46" s="20"/>
      <c r="O46" s="20"/>
      <c r="P46" s="20"/>
      <c r="Q46" s="20"/>
      <c r="R46" s="31"/>
      <c r="S46" s="30"/>
      <c r="T46" s="17"/>
    </row>
    <row r="47" spans="1:20" ht="22.5" customHeight="1" x14ac:dyDescent="0.15">
      <c r="A47" s="19"/>
      <c r="B47" s="29"/>
      <c r="C47" s="20"/>
      <c r="D47" s="20"/>
      <c r="E47" s="20"/>
      <c r="F47" s="20" t="s">
        <v>47</v>
      </c>
      <c r="G47" s="20"/>
      <c r="H47" s="20"/>
      <c r="I47" s="31">
        <v>0</v>
      </c>
      <c r="J47" s="27"/>
      <c r="K47" s="29"/>
      <c r="L47" s="20"/>
      <c r="M47" s="20"/>
      <c r="N47" s="20"/>
      <c r="O47" s="20"/>
      <c r="P47" s="20"/>
      <c r="Q47" s="20"/>
      <c r="R47" s="31"/>
      <c r="S47" s="30"/>
      <c r="T47" s="17"/>
    </row>
    <row r="48" spans="1:20" ht="22.5" customHeight="1" x14ac:dyDescent="0.15">
      <c r="A48" s="19"/>
      <c r="B48" s="29"/>
      <c r="C48" s="20"/>
      <c r="D48" s="20"/>
      <c r="E48" s="20" t="s">
        <v>46</v>
      </c>
      <c r="F48" s="20"/>
      <c r="G48" s="20"/>
      <c r="H48" s="20"/>
      <c r="I48" s="31">
        <v>0</v>
      </c>
      <c r="J48" s="27"/>
      <c r="K48" s="29"/>
      <c r="L48" s="20"/>
      <c r="M48" s="20"/>
      <c r="N48" s="20"/>
      <c r="O48" s="20"/>
      <c r="P48" s="20"/>
      <c r="Q48" s="20"/>
      <c r="R48" s="31"/>
      <c r="S48" s="30"/>
      <c r="T48" s="17"/>
    </row>
    <row r="49" spans="1:20" ht="22.5" customHeight="1" x14ac:dyDescent="0.15">
      <c r="A49" s="19"/>
      <c r="B49" s="29"/>
      <c r="C49" s="20"/>
      <c r="D49" s="20"/>
      <c r="E49" s="20"/>
      <c r="F49" s="20" t="s">
        <v>45</v>
      </c>
      <c r="G49" s="20"/>
      <c r="H49" s="20"/>
      <c r="I49" s="31">
        <v>0</v>
      </c>
      <c r="J49" s="27"/>
      <c r="K49" s="29"/>
      <c r="L49" s="20"/>
      <c r="M49" s="20"/>
      <c r="N49" s="20"/>
      <c r="O49" s="20"/>
      <c r="P49" s="20"/>
      <c r="Q49" s="20"/>
      <c r="R49" s="31"/>
      <c r="S49" s="30"/>
      <c r="T49" s="17"/>
    </row>
    <row r="50" spans="1:20" ht="22.5" customHeight="1" x14ac:dyDescent="0.15">
      <c r="A50" s="19"/>
      <c r="B50" s="29"/>
      <c r="C50" s="20"/>
      <c r="D50" s="20"/>
      <c r="E50" s="20"/>
      <c r="F50" s="20" t="s">
        <v>44</v>
      </c>
      <c r="G50" s="20"/>
      <c r="H50" s="20"/>
      <c r="I50" s="31">
        <v>0</v>
      </c>
      <c r="J50" s="27"/>
      <c r="K50" s="29"/>
      <c r="L50" s="20"/>
      <c r="M50" s="20"/>
      <c r="N50" s="20"/>
      <c r="O50" s="20"/>
      <c r="P50" s="20"/>
      <c r="Q50" s="20"/>
      <c r="R50" s="31"/>
      <c r="S50" s="30"/>
      <c r="T50" s="17"/>
    </row>
    <row r="51" spans="1:20" ht="22.5" customHeight="1" x14ac:dyDescent="0.15">
      <c r="A51" s="19"/>
      <c r="B51" s="29"/>
      <c r="C51" s="20"/>
      <c r="D51" s="20" t="s">
        <v>43</v>
      </c>
      <c r="E51" s="20"/>
      <c r="F51" s="20"/>
      <c r="G51" s="20"/>
      <c r="H51" s="20"/>
      <c r="I51" s="31">
        <v>15615645</v>
      </c>
      <c r="J51" s="27"/>
      <c r="K51" s="29"/>
      <c r="L51" s="20"/>
      <c r="M51" s="20"/>
      <c r="N51" s="20"/>
      <c r="O51" s="20"/>
      <c r="P51" s="20"/>
      <c r="Q51" s="20"/>
      <c r="R51" s="31"/>
      <c r="S51" s="30"/>
      <c r="T51" s="17"/>
    </row>
    <row r="52" spans="1:20" ht="22.5" customHeight="1" x14ac:dyDescent="0.15">
      <c r="A52" s="19"/>
      <c r="B52" s="29"/>
      <c r="C52" s="20"/>
      <c r="D52" s="20" t="s">
        <v>42</v>
      </c>
      <c r="E52" s="20"/>
      <c r="F52" s="20"/>
      <c r="G52" s="20"/>
      <c r="H52" s="20"/>
      <c r="I52" s="31">
        <v>1714691083</v>
      </c>
      <c r="J52" s="27"/>
      <c r="K52" s="29"/>
      <c r="L52" s="20"/>
      <c r="M52" s="20"/>
      <c r="N52" s="20"/>
      <c r="O52" s="20"/>
      <c r="P52" s="20"/>
      <c r="Q52" s="20"/>
      <c r="R52" s="31"/>
      <c r="S52" s="30"/>
      <c r="T52" s="17"/>
    </row>
    <row r="53" spans="1:20" ht="22.5" customHeight="1" x14ac:dyDescent="0.15">
      <c r="A53" s="19"/>
      <c r="B53" s="29"/>
      <c r="C53" s="20"/>
      <c r="D53" s="20" t="s">
        <v>41</v>
      </c>
      <c r="E53" s="20"/>
      <c r="F53" s="20"/>
      <c r="G53" s="20"/>
      <c r="H53" s="20"/>
      <c r="I53" s="31">
        <v>170198157</v>
      </c>
      <c r="J53" s="27"/>
      <c r="K53" s="29"/>
      <c r="L53" s="20"/>
      <c r="M53" s="20"/>
      <c r="N53" s="20"/>
      <c r="O53" s="20"/>
      <c r="P53" s="20"/>
      <c r="Q53" s="20"/>
      <c r="R53" s="31"/>
      <c r="S53" s="30"/>
      <c r="T53" s="17"/>
    </row>
    <row r="54" spans="1:20" ht="22.5" customHeight="1" x14ac:dyDescent="0.15">
      <c r="A54" s="19"/>
      <c r="B54" s="29"/>
      <c r="C54" s="20"/>
      <c r="D54" s="20" t="s">
        <v>40</v>
      </c>
      <c r="E54" s="20"/>
      <c r="F54" s="20"/>
      <c r="G54" s="20"/>
      <c r="H54" s="20"/>
      <c r="I54" s="31">
        <v>68959944</v>
      </c>
      <c r="J54" s="27"/>
      <c r="K54" s="29"/>
      <c r="L54" s="20"/>
      <c r="M54" s="20"/>
      <c r="N54" s="20"/>
      <c r="O54" s="20"/>
      <c r="P54" s="20"/>
      <c r="Q54" s="20"/>
      <c r="R54" s="31"/>
      <c r="S54" s="30"/>
      <c r="T54" s="17"/>
    </row>
    <row r="55" spans="1:20" ht="22.5" customHeight="1" x14ac:dyDescent="0.15">
      <c r="A55" s="19"/>
      <c r="B55" s="29"/>
      <c r="C55" s="20"/>
      <c r="D55" s="20" t="s">
        <v>39</v>
      </c>
      <c r="E55" s="20"/>
      <c r="F55" s="20"/>
      <c r="G55" s="20"/>
      <c r="H55" s="20"/>
      <c r="I55" s="31">
        <v>2000000</v>
      </c>
      <c r="J55" s="27"/>
      <c r="K55" s="29"/>
      <c r="L55" s="20"/>
      <c r="M55" s="20"/>
      <c r="N55" s="20"/>
      <c r="O55" s="20"/>
      <c r="P55" s="20"/>
      <c r="Q55" s="20"/>
      <c r="R55" s="31"/>
      <c r="S55" s="30"/>
      <c r="T55" s="17"/>
    </row>
    <row r="56" spans="1:20" ht="22.5" customHeight="1" x14ac:dyDescent="0.15">
      <c r="A56" s="19"/>
      <c r="B56" s="29"/>
      <c r="C56" s="20"/>
      <c r="D56" s="20"/>
      <c r="E56" s="20" t="s">
        <v>38</v>
      </c>
      <c r="F56" s="20"/>
      <c r="G56" s="20"/>
      <c r="H56" s="20"/>
      <c r="I56" s="31">
        <v>0</v>
      </c>
      <c r="J56" s="27"/>
      <c r="K56" s="29"/>
      <c r="L56" s="20"/>
      <c r="M56" s="20"/>
      <c r="N56" s="20"/>
      <c r="O56" s="20"/>
      <c r="P56" s="20"/>
      <c r="Q56" s="20"/>
      <c r="R56" s="31"/>
      <c r="S56" s="30"/>
      <c r="T56" s="17"/>
    </row>
    <row r="57" spans="1:20" ht="22.5" customHeight="1" x14ac:dyDescent="0.15">
      <c r="A57" s="19"/>
      <c r="B57" s="29"/>
      <c r="C57" s="20"/>
      <c r="D57" s="20"/>
      <c r="E57" s="20" t="s">
        <v>37</v>
      </c>
      <c r="F57" s="20"/>
      <c r="G57" s="20"/>
      <c r="H57" s="20"/>
      <c r="I57" s="31">
        <v>2000000</v>
      </c>
      <c r="J57" s="27"/>
      <c r="K57" s="29"/>
      <c r="L57" s="20"/>
      <c r="M57" s="20"/>
      <c r="N57" s="20"/>
      <c r="O57" s="20"/>
      <c r="P57" s="20"/>
      <c r="Q57" s="20"/>
      <c r="R57" s="31"/>
      <c r="S57" s="30"/>
      <c r="T57" s="17"/>
    </row>
    <row r="58" spans="1:20" ht="22.5" customHeight="1" x14ac:dyDescent="0.15">
      <c r="A58" s="19"/>
      <c r="B58" s="29"/>
      <c r="C58" s="20"/>
      <c r="D58" s="20"/>
      <c r="E58" s="20" t="s">
        <v>36</v>
      </c>
      <c r="F58" s="20"/>
      <c r="G58" s="20"/>
      <c r="H58" s="20"/>
      <c r="I58" s="31">
        <v>0</v>
      </c>
      <c r="J58" s="27"/>
      <c r="K58" s="29"/>
      <c r="L58" s="20"/>
      <c r="M58" s="20"/>
      <c r="N58" s="20"/>
      <c r="O58" s="20"/>
      <c r="P58" s="20"/>
      <c r="Q58" s="20"/>
      <c r="R58" s="31"/>
      <c r="S58" s="30"/>
      <c r="T58" s="17"/>
    </row>
    <row r="59" spans="1:20" ht="22.5" customHeight="1" x14ac:dyDescent="0.15">
      <c r="A59" s="19"/>
      <c r="B59" s="29"/>
      <c r="C59" s="20"/>
      <c r="D59" s="20" t="s">
        <v>35</v>
      </c>
      <c r="E59" s="20"/>
      <c r="F59" s="20"/>
      <c r="G59" s="20"/>
      <c r="H59" s="20"/>
      <c r="I59" s="31">
        <v>0</v>
      </c>
      <c r="J59" s="27"/>
      <c r="K59" s="29"/>
      <c r="L59" s="20"/>
      <c r="M59" s="20"/>
      <c r="N59" s="20"/>
      <c r="O59" s="20"/>
      <c r="P59" s="20"/>
      <c r="Q59" s="20"/>
      <c r="R59" s="31"/>
      <c r="S59" s="30"/>
      <c r="T59" s="17"/>
    </row>
    <row r="60" spans="1:20" ht="22.5" customHeight="1" x14ac:dyDescent="0.15">
      <c r="A60" s="19"/>
      <c r="B60" s="29"/>
      <c r="C60" s="20"/>
      <c r="D60" s="20" t="s">
        <v>34</v>
      </c>
      <c r="E60" s="20"/>
      <c r="F60" s="20"/>
      <c r="G60" s="20"/>
      <c r="H60" s="20"/>
      <c r="I60" s="31">
        <v>0</v>
      </c>
      <c r="J60" s="27"/>
      <c r="K60" s="29"/>
      <c r="L60" s="20"/>
      <c r="M60" s="20"/>
      <c r="N60" s="20"/>
      <c r="O60" s="20"/>
      <c r="P60" s="20"/>
      <c r="Q60" s="20"/>
      <c r="R60" s="31"/>
      <c r="S60" s="30"/>
      <c r="T60" s="17"/>
    </row>
    <row r="61" spans="1:20" ht="22.5" customHeight="1" x14ac:dyDescent="0.15">
      <c r="A61" s="19"/>
      <c r="B61" s="29"/>
      <c r="C61" s="20"/>
      <c r="D61" s="20"/>
      <c r="E61" s="20" t="s">
        <v>33</v>
      </c>
      <c r="F61" s="20"/>
      <c r="G61" s="20"/>
      <c r="H61" s="20"/>
      <c r="I61" s="31">
        <v>0</v>
      </c>
      <c r="J61" s="27"/>
      <c r="K61" s="29"/>
      <c r="L61" s="20"/>
      <c r="M61" s="20"/>
      <c r="N61" s="20"/>
      <c r="O61" s="20"/>
      <c r="P61" s="20"/>
      <c r="Q61" s="20"/>
      <c r="R61" s="31"/>
      <c r="S61" s="30"/>
      <c r="T61" s="17"/>
    </row>
    <row r="62" spans="1:20" ht="22.5" customHeight="1" x14ac:dyDescent="0.15">
      <c r="A62" s="19"/>
      <c r="B62" s="29"/>
      <c r="C62" s="20"/>
      <c r="D62" s="20"/>
      <c r="E62" s="20" t="s">
        <v>32</v>
      </c>
      <c r="F62" s="20"/>
      <c r="G62" s="20"/>
      <c r="H62" s="20"/>
      <c r="I62" s="31">
        <v>0</v>
      </c>
      <c r="J62" s="27"/>
      <c r="K62" s="29"/>
      <c r="L62" s="20"/>
      <c r="M62" s="20"/>
      <c r="N62" s="20"/>
      <c r="O62" s="20"/>
      <c r="P62" s="20"/>
      <c r="Q62" s="20"/>
      <c r="R62" s="31"/>
      <c r="S62" s="30"/>
      <c r="T62" s="17"/>
    </row>
    <row r="63" spans="1:20" ht="22.5" customHeight="1" x14ac:dyDescent="0.15">
      <c r="A63" s="19"/>
      <c r="B63" s="29"/>
      <c r="C63" s="20"/>
      <c r="D63" s="20" t="s">
        <v>29</v>
      </c>
      <c r="E63" s="20"/>
      <c r="F63" s="20"/>
      <c r="G63" s="20"/>
      <c r="H63" s="20"/>
      <c r="I63" s="31">
        <v>0</v>
      </c>
      <c r="J63" s="27"/>
      <c r="K63" s="29"/>
      <c r="L63" s="20"/>
      <c r="M63" s="20"/>
      <c r="N63" s="20"/>
      <c r="O63" s="20"/>
      <c r="P63" s="20"/>
      <c r="Q63" s="20"/>
      <c r="R63" s="31"/>
      <c r="S63" s="30"/>
      <c r="T63" s="17"/>
    </row>
    <row r="64" spans="1:20" ht="22.5" customHeight="1" x14ac:dyDescent="0.15">
      <c r="A64" s="19"/>
      <c r="B64" s="29"/>
      <c r="C64" s="20"/>
      <c r="D64" s="20" t="s">
        <v>31</v>
      </c>
      <c r="E64" s="20"/>
      <c r="F64" s="20"/>
      <c r="G64" s="20"/>
      <c r="H64" s="20"/>
      <c r="I64" s="31">
        <v>0</v>
      </c>
      <c r="J64" s="27"/>
      <c r="K64" s="29"/>
      <c r="L64" s="20"/>
      <c r="M64" s="20"/>
      <c r="N64" s="20"/>
      <c r="O64" s="20"/>
      <c r="P64" s="20"/>
      <c r="Q64" s="20"/>
      <c r="R64" s="31"/>
      <c r="S64" s="30"/>
      <c r="T64" s="17"/>
    </row>
    <row r="65" spans="1:20" ht="22.5" customHeight="1" x14ac:dyDescent="0.15">
      <c r="A65" s="19"/>
      <c r="B65" s="29"/>
      <c r="C65" s="20"/>
      <c r="D65" s="20" t="s">
        <v>29</v>
      </c>
      <c r="E65" s="20"/>
      <c r="F65" s="20"/>
      <c r="G65" s="20"/>
      <c r="H65" s="20"/>
      <c r="I65" s="31">
        <v>0</v>
      </c>
      <c r="J65" s="27"/>
      <c r="K65" s="29"/>
      <c r="L65" s="20"/>
      <c r="M65" s="20"/>
      <c r="N65" s="20"/>
      <c r="O65" s="20"/>
      <c r="P65" s="20"/>
      <c r="Q65" s="20"/>
      <c r="R65" s="31"/>
      <c r="S65" s="30"/>
      <c r="T65" s="17"/>
    </row>
    <row r="66" spans="1:20" ht="22.5" customHeight="1" x14ac:dyDescent="0.15">
      <c r="A66" s="19"/>
      <c r="B66" s="29"/>
      <c r="C66" s="20"/>
      <c r="D66" s="20" t="s">
        <v>30</v>
      </c>
      <c r="E66" s="20"/>
      <c r="F66" s="20"/>
      <c r="G66" s="20"/>
      <c r="H66" s="20"/>
      <c r="I66" s="31">
        <v>0</v>
      </c>
      <c r="J66" s="27"/>
      <c r="K66" s="29"/>
      <c r="L66" s="20"/>
      <c r="M66" s="20"/>
      <c r="N66" s="20"/>
      <c r="O66" s="20"/>
      <c r="P66" s="20"/>
      <c r="Q66" s="20"/>
      <c r="R66" s="31"/>
      <c r="S66" s="30"/>
      <c r="T66" s="17"/>
    </row>
    <row r="67" spans="1:20" ht="22.5" customHeight="1" x14ac:dyDescent="0.15">
      <c r="A67" s="19"/>
      <c r="B67" s="29"/>
      <c r="C67" s="20"/>
      <c r="D67" s="20" t="s">
        <v>29</v>
      </c>
      <c r="E67" s="20"/>
      <c r="F67" s="20"/>
      <c r="G67" s="20"/>
      <c r="H67" s="20"/>
      <c r="I67" s="28">
        <v>0</v>
      </c>
      <c r="J67" s="27"/>
      <c r="K67" s="24" t="s">
        <v>28</v>
      </c>
      <c r="L67" s="26"/>
      <c r="M67" s="23"/>
      <c r="N67" s="23"/>
      <c r="O67" s="23"/>
      <c r="P67" s="23"/>
      <c r="Q67" s="23"/>
      <c r="R67" s="22">
        <v>137980638</v>
      </c>
      <c r="S67" s="21"/>
      <c r="T67" s="17"/>
    </row>
    <row r="68" spans="1:20" ht="22.5" customHeight="1" x14ac:dyDescent="0.15">
      <c r="A68" s="19"/>
      <c r="B68" s="24" t="s">
        <v>27</v>
      </c>
      <c r="C68" s="26"/>
      <c r="D68" s="23"/>
      <c r="E68" s="23"/>
      <c r="F68" s="23"/>
      <c r="G68" s="23"/>
      <c r="H68" s="23"/>
      <c r="I68" s="22">
        <v>2725682442</v>
      </c>
      <c r="J68" s="25"/>
      <c r="K68" s="24" t="s">
        <v>26</v>
      </c>
      <c r="L68" s="23"/>
      <c r="M68" s="23"/>
      <c r="N68" s="23"/>
      <c r="O68" s="23"/>
      <c r="P68" s="23"/>
      <c r="Q68" s="23"/>
      <c r="R68" s="22">
        <v>2725682442</v>
      </c>
      <c r="S68" s="21"/>
      <c r="T68" s="17"/>
    </row>
    <row r="69" spans="1:20" ht="22.5" customHeight="1" x14ac:dyDescent="0.15">
      <c r="A69" s="19"/>
      <c r="B69" s="20"/>
      <c r="C69" s="20"/>
      <c r="D69" s="20"/>
      <c r="E69" s="20"/>
      <c r="F69" s="20"/>
      <c r="G69" s="20"/>
      <c r="H69" s="20"/>
      <c r="I69" s="18"/>
      <c r="J69" s="14"/>
      <c r="K69" s="20"/>
      <c r="L69" s="20"/>
      <c r="M69" s="20"/>
      <c r="N69" s="20"/>
      <c r="O69" s="20"/>
      <c r="P69" s="20"/>
      <c r="Q69" s="20"/>
      <c r="R69" s="18"/>
      <c r="S69" s="18"/>
      <c r="T69" s="17"/>
    </row>
    <row r="70" spans="1:20" ht="22.5" customHeight="1" x14ac:dyDescent="0.15">
      <c r="A70" s="19"/>
      <c r="B70" s="14"/>
      <c r="C70" s="14"/>
      <c r="D70" s="14"/>
      <c r="E70" s="14"/>
      <c r="F70" s="14"/>
      <c r="G70" s="14"/>
      <c r="H70" s="14"/>
      <c r="I70" s="18"/>
      <c r="J70" s="14"/>
      <c r="K70" s="14"/>
      <c r="L70" s="14"/>
      <c r="M70" s="14"/>
      <c r="N70" s="14"/>
      <c r="O70" s="14"/>
      <c r="P70" s="14"/>
      <c r="Q70" s="14"/>
      <c r="R70" s="18"/>
      <c r="S70" s="18"/>
      <c r="T70" s="17"/>
    </row>
    <row r="71" spans="1:20" ht="22.5" customHeight="1" x14ac:dyDescent="0.15">
      <c r="A71" s="15"/>
      <c r="B71" s="15"/>
      <c r="C71" s="15"/>
      <c r="D71" s="15"/>
      <c r="E71" s="15"/>
      <c r="F71" s="15"/>
      <c r="G71" s="15"/>
      <c r="H71" s="15"/>
      <c r="I71" s="16"/>
      <c r="J71" s="15"/>
      <c r="K71" s="15"/>
      <c r="L71" s="15"/>
      <c r="M71" s="15"/>
      <c r="N71" s="15"/>
      <c r="O71" s="15"/>
      <c r="P71" s="15"/>
      <c r="Q71" s="15"/>
      <c r="R71" s="16"/>
      <c r="S71" s="16"/>
      <c r="T71" s="15"/>
    </row>
    <row r="72" spans="1:20" ht="22.5" customHeight="1" x14ac:dyDescent="0.15">
      <c r="A72" s="14"/>
      <c r="B72" s="14"/>
      <c r="C72" s="14"/>
      <c r="D72" s="14"/>
      <c r="E72" s="14"/>
      <c r="F72" s="14"/>
      <c r="G72" s="14"/>
      <c r="H72" s="14"/>
      <c r="I72" s="13"/>
      <c r="J72" s="14"/>
      <c r="K72" s="14"/>
      <c r="L72" s="14"/>
      <c r="M72" s="14"/>
      <c r="N72" s="14"/>
      <c r="O72" s="14"/>
      <c r="P72" s="14"/>
      <c r="Q72" s="14"/>
      <c r="R72" s="13"/>
      <c r="S72" s="13"/>
      <c r="T72" s="14"/>
    </row>
    <row r="73" spans="1:20" ht="22.5" customHeight="1" x14ac:dyDescent="0.15">
      <c r="A73" s="14"/>
      <c r="B73" s="14"/>
      <c r="C73" s="14"/>
      <c r="D73" s="14"/>
      <c r="E73" s="14"/>
      <c r="F73" s="14"/>
      <c r="G73" s="14"/>
      <c r="H73" s="14"/>
      <c r="I73" s="13"/>
      <c r="J73" s="14"/>
      <c r="K73" s="14"/>
      <c r="L73" s="14"/>
      <c r="M73" s="14"/>
      <c r="N73" s="14"/>
      <c r="O73" s="14"/>
      <c r="P73" s="14"/>
      <c r="Q73" s="14"/>
      <c r="R73" s="13"/>
      <c r="S73" s="13"/>
      <c r="T73" s="14"/>
    </row>
    <row r="74" spans="1:20" ht="22.5" customHeight="1" x14ac:dyDescent="0.15">
      <c r="A74" s="14"/>
      <c r="B74" s="14"/>
      <c r="C74" s="14"/>
      <c r="D74" s="14"/>
      <c r="E74" s="14"/>
      <c r="F74" s="14"/>
      <c r="G74" s="14"/>
      <c r="H74" s="14"/>
      <c r="I74" s="13"/>
      <c r="J74" s="14"/>
      <c r="K74" s="14"/>
      <c r="L74" s="14"/>
      <c r="M74" s="14"/>
      <c r="N74" s="14"/>
      <c r="O74" s="14"/>
      <c r="P74" s="14"/>
      <c r="Q74" s="14"/>
      <c r="R74" s="13"/>
      <c r="S74" s="13"/>
    </row>
    <row r="75" spans="1:20" ht="22.5" customHeight="1" x14ac:dyDescent="0.15">
      <c r="A75" s="14"/>
      <c r="B75" s="14"/>
      <c r="C75" s="14"/>
      <c r="D75" s="14"/>
      <c r="E75" s="14"/>
      <c r="F75" s="14"/>
      <c r="G75" s="14"/>
      <c r="H75" s="14"/>
      <c r="I75" s="13"/>
      <c r="J75" s="14"/>
      <c r="K75" s="14"/>
      <c r="L75" s="14"/>
      <c r="M75" s="14"/>
      <c r="N75" s="14"/>
      <c r="O75" s="14"/>
      <c r="P75" s="14"/>
      <c r="Q75" s="14"/>
      <c r="R75" s="13"/>
      <c r="S75" s="13"/>
    </row>
    <row r="76" spans="1:20" ht="22.5" customHeight="1" x14ac:dyDescent="0.15">
      <c r="A76" s="14"/>
      <c r="B76" s="14"/>
      <c r="C76" s="14"/>
      <c r="D76" s="14"/>
      <c r="E76" s="14"/>
      <c r="F76" s="14"/>
      <c r="G76" s="14"/>
      <c r="H76" s="14"/>
      <c r="I76" s="13"/>
      <c r="J76" s="14"/>
      <c r="K76" s="14"/>
      <c r="L76" s="14"/>
      <c r="M76" s="14"/>
      <c r="N76" s="14"/>
      <c r="O76" s="14"/>
      <c r="P76" s="14"/>
      <c r="Q76" s="14"/>
      <c r="R76" s="13"/>
      <c r="S76" s="13"/>
    </row>
    <row r="77" spans="1:20" ht="22.5" customHeight="1" x14ac:dyDescent="0.15">
      <c r="A77" s="14"/>
      <c r="B77" s="14"/>
      <c r="C77" s="14"/>
      <c r="D77" s="14"/>
      <c r="E77" s="14"/>
      <c r="F77" s="14"/>
      <c r="G77" s="14"/>
      <c r="H77" s="14"/>
      <c r="I77" s="13"/>
      <c r="J77" s="14"/>
      <c r="K77" s="14"/>
      <c r="L77" s="14"/>
      <c r="M77" s="14"/>
      <c r="N77" s="14"/>
      <c r="O77" s="14"/>
      <c r="P77" s="14"/>
      <c r="Q77" s="14"/>
      <c r="R77" s="13"/>
      <c r="S77" s="13"/>
    </row>
    <row r="78" spans="1:20" ht="22.5" customHeight="1" x14ac:dyDescent="0.15">
      <c r="A78" s="14"/>
      <c r="B78" s="14"/>
      <c r="C78" s="14"/>
      <c r="D78" s="14"/>
      <c r="E78" s="14"/>
      <c r="F78" s="14"/>
      <c r="G78" s="14"/>
      <c r="H78" s="14"/>
      <c r="I78" s="13"/>
      <c r="J78" s="14"/>
      <c r="K78" s="14"/>
      <c r="L78" s="14"/>
      <c r="M78" s="14"/>
      <c r="N78" s="14"/>
      <c r="O78" s="14"/>
      <c r="P78" s="14"/>
      <c r="Q78" s="14"/>
      <c r="R78" s="13"/>
      <c r="S78" s="13"/>
    </row>
    <row r="79" spans="1:20" ht="22.5" customHeight="1" x14ac:dyDescent="0.15">
      <c r="A79" s="14"/>
      <c r="B79" s="14"/>
      <c r="C79" s="14"/>
      <c r="D79" s="14"/>
      <c r="E79" s="14"/>
      <c r="F79" s="14"/>
      <c r="G79" s="14"/>
      <c r="H79" s="14"/>
      <c r="I79" s="13"/>
      <c r="J79" s="14"/>
      <c r="K79" s="14"/>
      <c r="L79" s="14"/>
      <c r="M79" s="14"/>
      <c r="N79" s="14"/>
      <c r="O79" s="14"/>
      <c r="P79" s="14"/>
      <c r="Q79" s="14"/>
      <c r="R79" s="13"/>
      <c r="S79" s="13"/>
    </row>
    <row r="80" spans="1:20" ht="22.5" customHeight="1" x14ac:dyDescent="0.15">
      <c r="A80" s="14"/>
      <c r="B80" s="14"/>
      <c r="C80" s="14"/>
      <c r="D80" s="14"/>
      <c r="E80" s="14"/>
      <c r="F80" s="14"/>
      <c r="G80" s="14"/>
      <c r="H80" s="14"/>
      <c r="I80" s="13"/>
      <c r="J80" s="14"/>
      <c r="K80" s="14"/>
      <c r="L80" s="14"/>
      <c r="M80" s="14"/>
      <c r="N80" s="14"/>
      <c r="O80" s="14"/>
      <c r="P80" s="14"/>
      <c r="Q80" s="14"/>
      <c r="R80" s="13"/>
      <c r="S80" s="13"/>
    </row>
    <row r="81" spans="1:19" ht="22.5" customHeight="1" x14ac:dyDescent="0.15">
      <c r="A81" s="14"/>
      <c r="B81" s="14"/>
      <c r="C81" s="14"/>
      <c r="D81" s="14"/>
      <c r="E81" s="14"/>
      <c r="F81" s="14"/>
      <c r="G81" s="14"/>
      <c r="H81" s="14"/>
      <c r="I81" s="13"/>
      <c r="J81" s="14"/>
      <c r="K81" s="14"/>
      <c r="L81" s="14"/>
      <c r="M81" s="14"/>
      <c r="N81" s="14"/>
      <c r="O81" s="14"/>
      <c r="P81" s="14"/>
      <c r="Q81" s="14"/>
      <c r="R81" s="13"/>
      <c r="S81" s="13"/>
    </row>
    <row r="82" spans="1:19" ht="22.5" customHeight="1" x14ac:dyDescent="0.15">
      <c r="A82" s="14"/>
      <c r="B82" s="14"/>
      <c r="C82" s="14"/>
      <c r="D82" s="14"/>
      <c r="E82" s="14"/>
      <c r="F82" s="14"/>
      <c r="G82" s="14"/>
      <c r="H82" s="14"/>
      <c r="I82" s="13"/>
      <c r="J82" s="14"/>
      <c r="K82" s="14"/>
      <c r="L82" s="14"/>
      <c r="M82" s="14"/>
      <c r="N82" s="14"/>
      <c r="O82" s="14"/>
      <c r="P82" s="14"/>
      <c r="Q82" s="14"/>
      <c r="R82" s="13"/>
      <c r="S82" s="13"/>
    </row>
    <row r="83" spans="1:19" ht="22.5" customHeight="1" x14ac:dyDescent="0.15">
      <c r="A83" s="14"/>
      <c r="B83" s="14"/>
      <c r="C83" s="14"/>
      <c r="D83" s="14"/>
      <c r="E83" s="14"/>
      <c r="F83" s="14"/>
      <c r="G83" s="14"/>
      <c r="H83" s="14"/>
      <c r="I83" s="13"/>
      <c r="J83" s="14"/>
      <c r="K83" s="14"/>
      <c r="L83" s="14"/>
      <c r="M83" s="14"/>
      <c r="N83" s="14"/>
      <c r="O83" s="14"/>
      <c r="P83" s="14"/>
      <c r="Q83" s="14"/>
      <c r="R83" s="13"/>
      <c r="S83" s="13"/>
    </row>
    <row r="84" spans="1:19" ht="22.5" customHeight="1" x14ac:dyDescent="0.15">
      <c r="A84" s="14"/>
      <c r="B84" s="14"/>
      <c r="C84" s="14"/>
      <c r="D84" s="14"/>
      <c r="E84" s="14"/>
      <c r="F84" s="14"/>
      <c r="G84" s="14"/>
      <c r="H84" s="14"/>
      <c r="I84" s="13"/>
      <c r="J84" s="14"/>
      <c r="K84" s="14"/>
      <c r="L84" s="14"/>
      <c r="M84" s="14"/>
      <c r="N84" s="14"/>
      <c r="O84" s="14"/>
      <c r="P84" s="14"/>
      <c r="Q84" s="14"/>
      <c r="R84" s="13"/>
      <c r="S84" s="13"/>
    </row>
    <row r="85" spans="1:19" ht="22.5" customHeight="1" x14ac:dyDescent="0.15">
      <c r="A85" s="14"/>
      <c r="B85" s="14"/>
      <c r="C85" s="14"/>
      <c r="D85" s="14"/>
      <c r="E85" s="14"/>
      <c r="F85" s="14"/>
      <c r="G85" s="14"/>
      <c r="H85" s="14"/>
      <c r="I85" s="13"/>
      <c r="J85" s="14"/>
      <c r="K85" s="14"/>
      <c r="L85" s="14"/>
      <c r="M85" s="14"/>
      <c r="N85" s="14"/>
      <c r="O85" s="14"/>
      <c r="P85" s="14"/>
      <c r="Q85" s="14"/>
      <c r="R85" s="13"/>
      <c r="S85" s="13"/>
    </row>
    <row r="86" spans="1:19" ht="22.5" customHeight="1" x14ac:dyDescent="0.15">
      <c r="A86" s="14"/>
      <c r="B86" s="14"/>
      <c r="C86" s="14"/>
      <c r="D86" s="14"/>
      <c r="E86" s="14"/>
      <c r="F86" s="14"/>
      <c r="G86" s="14"/>
      <c r="H86" s="14"/>
      <c r="I86" s="13"/>
      <c r="J86" s="14"/>
      <c r="K86" s="14"/>
      <c r="L86" s="14"/>
      <c r="M86" s="14"/>
      <c r="N86" s="14"/>
      <c r="O86" s="14"/>
      <c r="P86" s="14"/>
      <c r="Q86" s="14"/>
      <c r="R86" s="13"/>
      <c r="S86" s="13"/>
    </row>
    <row r="87" spans="1:19" ht="22.5" customHeight="1" x14ac:dyDescent="0.15">
      <c r="A87" s="14"/>
      <c r="B87" s="14"/>
      <c r="C87" s="14"/>
      <c r="D87" s="14"/>
      <c r="E87" s="14"/>
      <c r="F87" s="14"/>
      <c r="G87" s="14"/>
      <c r="H87" s="14"/>
      <c r="I87" s="13"/>
      <c r="J87" s="14"/>
      <c r="K87" s="14"/>
      <c r="L87" s="14"/>
      <c r="M87" s="14"/>
      <c r="N87" s="14"/>
      <c r="O87" s="14"/>
      <c r="P87" s="14"/>
      <c r="Q87" s="14"/>
      <c r="R87" s="13"/>
      <c r="S87" s="13"/>
    </row>
    <row r="88" spans="1:19" ht="22.5" customHeight="1" x14ac:dyDescent="0.15">
      <c r="A88" s="14"/>
      <c r="B88" s="14"/>
      <c r="C88" s="14"/>
      <c r="D88" s="14"/>
      <c r="E88" s="14"/>
      <c r="F88" s="14"/>
      <c r="G88" s="14"/>
      <c r="H88" s="14"/>
      <c r="I88" s="13"/>
      <c r="J88" s="14"/>
      <c r="K88" s="14"/>
      <c r="L88" s="14"/>
      <c r="M88" s="14"/>
      <c r="N88" s="14"/>
      <c r="O88" s="14"/>
      <c r="P88" s="14"/>
      <c r="Q88" s="14"/>
      <c r="R88" s="13"/>
      <c r="S88" s="13"/>
    </row>
    <row r="89" spans="1:19" ht="22.5" customHeight="1" x14ac:dyDescent="0.15">
      <c r="A89" s="14"/>
      <c r="B89" s="14"/>
      <c r="C89" s="14"/>
      <c r="D89" s="14"/>
      <c r="E89" s="14"/>
      <c r="F89" s="14"/>
      <c r="G89" s="14"/>
      <c r="H89" s="14"/>
      <c r="I89" s="13"/>
      <c r="J89" s="14"/>
      <c r="K89" s="14"/>
      <c r="L89" s="14"/>
      <c r="M89" s="14"/>
      <c r="N89" s="14"/>
      <c r="O89" s="14"/>
      <c r="P89" s="14"/>
      <c r="Q89" s="14"/>
      <c r="R89" s="13"/>
      <c r="S89" s="13"/>
    </row>
    <row r="90" spans="1:19" ht="22.5" customHeight="1" x14ac:dyDescent="0.15">
      <c r="A90" s="14"/>
      <c r="B90" s="14"/>
      <c r="C90" s="14"/>
      <c r="D90" s="14"/>
      <c r="E90" s="14"/>
      <c r="F90" s="14"/>
      <c r="G90" s="14"/>
      <c r="H90" s="14"/>
      <c r="I90" s="13"/>
      <c r="J90" s="14"/>
      <c r="K90" s="14"/>
      <c r="L90" s="14"/>
      <c r="M90" s="14"/>
      <c r="N90" s="14"/>
      <c r="O90" s="14"/>
      <c r="P90" s="14"/>
      <c r="Q90" s="14"/>
      <c r="R90" s="13"/>
      <c r="S90" s="13"/>
    </row>
    <row r="91" spans="1:19" ht="22.5" customHeight="1" x14ac:dyDescent="0.15">
      <c r="A91" s="14"/>
      <c r="B91" s="14"/>
      <c r="C91" s="14"/>
      <c r="D91" s="14"/>
      <c r="E91" s="14"/>
      <c r="F91" s="14"/>
      <c r="G91" s="14"/>
      <c r="H91" s="14"/>
      <c r="I91" s="13"/>
      <c r="J91" s="14"/>
      <c r="K91" s="14"/>
      <c r="L91" s="14"/>
      <c r="M91" s="14"/>
      <c r="N91" s="14"/>
      <c r="O91" s="14"/>
      <c r="P91" s="14"/>
      <c r="Q91" s="14"/>
      <c r="R91" s="13"/>
      <c r="S91" s="13"/>
    </row>
    <row r="92" spans="1:19" ht="22.5" customHeight="1" x14ac:dyDescent="0.15">
      <c r="A92" s="14"/>
      <c r="B92" s="14"/>
      <c r="C92" s="14"/>
      <c r="D92" s="14"/>
      <c r="E92" s="14"/>
      <c r="F92" s="14"/>
      <c r="G92" s="14"/>
      <c r="H92" s="14"/>
      <c r="I92" s="13"/>
      <c r="J92" s="14"/>
      <c r="K92" s="14"/>
      <c r="L92" s="14"/>
      <c r="M92" s="14"/>
      <c r="N92" s="14"/>
      <c r="O92" s="14"/>
      <c r="P92" s="14"/>
      <c r="Q92" s="14"/>
      <c r="R92" s="13"/>
      <c r="S92" s="13"/>
    </row>
    <row r="93" spans="1:19" ht="22.5" customHeight="1" x14ac:dyDescent="0.15">
      <c r="A93" s="14"/>
      <c r="B93" s="14"/>
      <c r="C93" s="14"/>
      <c r="D93" s="14"/>
      <c r="E93" s="14"/>
      <c r="F93" s="14"/>
      <c r="G93" s="14"/>
      <c r="H93" s="14"/>
      <c r="I93" s="13"/>
      <c r="J93" s="14"/>
      <c r="K93" s="14"/>
      <c r="L93" s="14"/>
      <c r="M93" s="14"/>
      <c r="N93" s="14"/>
      <c r="O93" s="14"/>
      <c r="P93" s="14"/>
      <c r="Q93" s="14"/>
      <c r="R93" s="13"/>
      <c r="S93" s="13"/>
    </row>
    <row r="94" spans="1:19" ht="22.5" customHeight="1" x14ac:dyDescent="0.15">
      <c r="A94" s="14"/>
      <c r="B94" s="14"/>
      <c r="C94" s="14"/>
      <c r="D94" s="14"/>
      <c r="E94" s="14"/>
      <c r="F94" s="14"/>
      <c r="G94" s="14"/>
      <c r="H94" s="14"/>
      <c r="I94" s="13"/>
      <c r="J94" s="14"/>
      <c r="K94" s="14"/>
      <c r="L94" s="14"/>
      <c r="M94" s="14"/>
      <c r="N94" s="14"/>
      <c r="O94" s="14"/>
      <c r="P94" s="14"/>
      <c r="Q94" s="14"/>
      <c r="R94" s="13"/>
      <c r="S94" s="13"/>
    </row>
    <row r="95" spans="1:19" ht="22.5" customHeight="1" x14ac:dyDescent="0.15">
      <c r="A95" s="14"/>
      <c r="B95" s="14"/>
      <c r="C95" s="14"/>
      <c r="D95" s="14"/>
      <c r="E95" s="14"/>
      <c r="F95" s="14"/>
      <c r="G95" s="14"/>
      <c r="H95" s="14"/>
      <c r="I95" s="13"/>
      <c r="J95" s="14"/>
      <c r="K95" s="14"/>
      <c r="L95" s="14"/>
      <c r="M95" s="14"/>
      <c r="N95" s="14"/>
      <c r="O95" s="14"/>
      <c r="P95" s="14"/>
      <c r="Q95" s="14"/>
      <c r="R95" s="13"/>
      <c r="S95" s="13"/>
    </row>
    <row r="96" spans="1:19" ht="22.5" customHeight="1" x14ac:dyDescent="0.15">
      <c r="A96" s="14"/>
      <c r="B96" s="14"/>
      <c r="C96" s="14"/>
      <c r="D96" s="14"/>
      <c r="E96" s="14"/>
      <c r="F96" s="14"/>
      <c r="G96" s="14"/>
      <c r="H96" s="14"/>
      <c r="I96" s="13"/>
      <c r="J96" s="14"/>
      <c r="K96" s="14"/>
      <c r="L96" s="14"/>
      <c r="M96" s="14"/>
      <c r="N96" s="14"/>
      <c r="O96" s="14"/>
      <c r="P96" s="14"/>
      <c r="Q96" s="14"/>
      <c r="R96" s="13"/>
      <c r="S96" s="13"/>
    </row>
    <row r="97" spans="1:19" ht="22.5" customHeight="1" x14ac:dyDescent="0.15">
      <c r="A97" s="14"/>
      <c r="B97" s="14"/>
      <c r="C97" s="14"/>
      <c r="D97" s="14"/>
      <c r="E97" s="14"/>
      <c r="F97" s="14"/>
      <c r="G97" s="14"/>
      <c r="H97" s="14"/>
      <c r="I97" s="13"/>
      <c r="J97" s="14"/>
      <c r="K97" s="14"/>
      <c r="L97" s="14"/>
      <c r="M97" s="14"/>
      <c r="N97" s="14"/>
      <c r="O97" s="14"/>
      <c r="P97" s="14"/>
      <c r="Q97" s="14"/>
      <c r="R97" s="13"/>
      <c r="S97" s="13"/>
    </row>
    <row r="98" spans="1:19" ht="22.5" customHeight="1" x14ac:dyDescent="0.15">
      <c r="A98" s="14"/>
      <c r="B98" s="14"/>
      <c r="C98" s="14"/>
      <c r="D98" s="14"/>
      <c r="E98" s="14"/>
      <c r="F98" s="14"/>
      <c r="G98" s="14"/>
      <c r="H98" s="14"/>
      <c r="I98" s="13"/>
      <c r="J98" s="14"/>
      <c r="K98" s="14"/>
      <c r="L98" s="14"/>
      <c r="M98" s="14"/>
      <c r="N98" s="14"/>
      <c r="O98" s="14"/>
      <c r="P98" s="14"/>
      <c r="Q98" s="14"/>
      <c r="R98" s="13"/>
      <c r="S98" s="13"/>
    </row>
    <row r="99" spans="1:19" ht="22.5" customHeight="1" x14ac:dyDescent="0.15">
      <c r="A99" s="14"/>
      <c r="B99" s="14"/>
      <c r="C99" s="14"/>
      <c r="D99" s="14"/>
      <c r="E99" s="14"/>
      <c r="F99" s="14"/>
      <c r="G99" s="14"/>
      <c r="H99" s="14"/>
      <c r="I99" s="13"/>
      <c r="J99" s="14"/>
      <c r="K99" s="14"/>
      <c r="L99" s="14"/>
      <c r="M99" s="14"/>
      <c r="N99" s="14"/>
      <c r="O99" s="14"/>
      <c r="P99" s="14"/>
      <c r="Q99" s="14"/>
      <c r="R99" s="13"/>
      <c r="S99" s="13"/>
    </row>
    <row r="100" spans="1:19" ht="22.5" customHeight="1" x14ac:dyDescent="0.15">
      <c r="A100" s="14"/>
      <c r="B100" s="14"/>
      <c r="C100" s="14"/>
      <c r="D100" s="14"/>
      <c r="E100" s="14"/>
      <c r="F100" s="14"/>
      <c r="G100" s="14"/>
      <c r="H100" s="14"/>
      <c r="I100" s="13"/>
      <c r="J100" s="14"/>
      <c r="K100" s="14"/>
      <c r="L100" s="14"/>
      <c r="M100" s="14"/>
      <c r="N100" s="14"/>
      <c r="O100" s="14"/>
      <c r="P100" s="14"/>
      <c r="Q100" s="14"/>
      <c r="R100" s="13"/>
      <c r="S100" s="13"/>
    </row>
    <row r="101" spans="1:19" ht="22.5" customHeight="1" x14ac:dyDescent="0.15">
      <c r="A101" s="14"/>
      <c r="B101" s="14"/>
      <c r="C101" s="14"/>
      <c r="D101" s="14"/>
      <c r="E101" s="14"/>
      <c r="F101" s="14"/>
      <c r="G101" s="14"/>
      <c r="H101" s="14"/>
      <c r="I101" s="13"/>
      <c r="J101" s="14"/>
      <c r="K101" s="14"/>
      <c r="L101" s="14"/>
      <c r="M101" s="14"/>
      <c r="N101" s="14"/>
      <c r="O101" s="14"/>
      <c r="P101" s="14"/>
      <c r="Q101" s="14"/>
      <c r="R101" s="13"/>
      <c r="S101" s="13"/>
    </row>
    <row r="102" spans="1:19" ht="22.5" customHeight="1" x14ac:dyDescent="0.15">
      <c r="A102" s="14"/>
      <c r="B102" s="14"/>
      <c r="C102" s="14"/>
      <c r="D102" s="14"/>
      <c r="E102" s="14"/>
      <c r="F102" s="14"/>
      <c r="G102" s="14"/>
      <c r="H102" s="14"/>
      <c r="I102" s="13"/>
      <c r="J102" s="14"/>
      <c r="K102" s="14"/>
      <c r="L102" s="14"/>
      <c r="M102" s="14"/>
      <c r="N102" s="14"/>
      <c r="O102" s="14"/>
      <c r="P102" s="14"/>
      <c r="Q102" s="14"/>
      <c r="R102" s="13"/>
      <c r="S102" s="13"/>
    </row>
    <row r="103" spans="1:19" ht="22.5" customHeight="1" x14ac:dyDescent="0.15">
      <c r="A103" s="14"/>
      <c r="B103" s="14"/>
      <c r="C103" s="14"/>
      <c r="D103" s="14"/>
      <c r="E103" s="14"/>
      <c r="F103" s="14"/>
      <c r="G103" s="14"/>
      <c r="H103" s="14"/>
      <c r="I103" s="13"/>
      <c r="J103" s="14"/>
      <c r="K103" s="14"/>
      <c r="L103" s="14"/>
      <c r="M103" s="14"/>
      <c r="N103" s="14"/>
      <c r="O103" s="14"/>
      <c r="P103" s="14"/>
      <c r="Q103" s="14"/>
      <c r="R103" s="13"/>
      <c r="S103" s="13"/>
    </row>
    <row r="104" spans="1:19" ht="22.5" customHeight="1" x14ac:dyDescent="0.15">
      <c r="A104" s="14"/>
      <c r="B104" s="14"/>
      <c r="C104" s="14"/>
      <c r="D104" s="14"/>
      <c r="E104" s="14"/>
      <c r="F104" s="14"/>
      <c r="G104" s="14"/>
      <c r="H104" s="14"/>
      <c r="I104" s="13"/>
      <c r="J104" s="14"/>
      <c r="K104" s="14"/>
      <c r="L104" s="14"/>
      <c r="M104" s="14"/>
      <c r="N104" s="14"/>
      <c r="O104" s="14"/>
      <c r="P104" s="14"/>
      <c r="Q104" s="14"/>
      <c r="R104" s="13"/>
      <c r="S104" s="13"/>
    </row>
    <row r="105" spans="1:19" ht="22.5" customHeight="1" x14ac:dyDescent="0.15">
      <c r="A105" s="14"/>
      <c r="B105" s="14"/>
      <c r="C105" s="14"/>
      <c r="D105" s="14"/>
      <c r="E105" s="14"/>
      <c r="F105" s="14"/>
      <c r="G105" s="14"/>
      <c r="H105" s="14"/>
      <c r="I105" s="13"/>
      <c r="J105" s="14"/>
      <c r="K105" s="14"/>
      <c r="L105" s="14"/>
      <c r="M105" s="14"/>
      <c r="N105" s="14"/>
      <c r="O105" s="14"/>
      <c r="P105" s="14"/>
      <c r="Q105" s="14"/>
      <c r="R105" s="13"/>
      <c r="S105" s="13"/>
    </row>
    <row r="106" spans="1:19" ht="22.5" customHeight="1" x14ac:dyDescent="0.15">
      <c r="A106" s="14"/>
      <c r="B106" s="14"/>
      <c r="C106" s="14"/>
      <c r="D106" s="14"/>
      <c r="E106" s="14"/>
      <c r="F106" s="14"/>
      <c r="G106" s="14"/>
      <c r="H106" s="14"/>
      <c r="I106" s="13"/>
      <c r="J106" s="14"/>
      <c r="K106" s="14"/>
      <c r="L106" s="14"/>
      <c r="M106" s="14"/>
      <c r="N106" s="14"/>
      <c r="O106" s="14"/>
      <c r="P106" s="14"/>
      <c r="Q106" s="14"/>
      <c r="R106" s="13"/>
      <c r="S106" s="13"/>
    </row>
    <row r="107" spans="1:19" ht="22.5" customHeight="1" x14ac:dyDescent="0.15">
      <c r="A107" s="14"/>
      <c r="B107" s="14"/>
      <c r="C107" s="14"/>
      <c r="D107" s="14"/>
      <c r="E107" s="14"/>
      <c r="F107" s="14"/>
      <c r="G107" s="14"/>
      <c r="H107" s="14"/>
      <c r="I107" s="13"/>
      <c r="J107" s="14"/>
      <c r="K107" s="14"/>
      <c r="L107" s="14"/>
      <c r="M107" s="14"/>
      <c r="N107" s="14"/>
      <c r="O107" s="14"/>
      <c r="P107" s="14"/>
      <c r="Q107" s="14"/>
      <c r="R107" s="13"/>
      <c r="S107" s="13"/>
    </row>
    <row r="108" spans="1:19" ht="22.5" customHeight="1" x14ac:dyDescent="0.15">
      <c r="A108" s="14"/>
      <c r="B108" s="14"/>
      <c r="C108" s="14"/>
      <c r="D108" s="14"/>
      <c r="E108" s="14"/>
      <c r="F108" s="14"/>
      <c r="G108" s="14"/>
      <c r="H108" s="14"/>
      <c r="I108" s="13"/>
      <c r="J108" s="14"/>
      <c r="K108" s="14"/>
      <c r="L108" s="14"/>
      <c r="M108" s="14"/>
      <c r="N108" s="14"/>
      <c r="O108" s="14"/>
      <c r="P108" s="14"/>
      <c r="Q108" s="14"/>
      <c r="R108" s="13"/>
      <c r="S108" s="13"/>
    </row>
    <row r="109" spans="1:19" ht="22.5" customHeight="1" x14ac:dyDescent="0.15">
      <c r="I109" s="12"/>
      <c r="R109" s="12"/>
      <c r="S109" s="12"/>
    </row>
    <row r="110" spans="1:19" ht="22.5" customHeight="1" x14ac:dyDescent="0.15">
      <c r="I110" s="12"/>
      <c r="R110" s="12"/>
      <c r="S110" s="12"/>
    </row>
    <row r="111" spans="1:19" ht="22.5" customHeight="1" x14ac:dyDescent="0.15">
      <c r="I111" s="12"/>
      <c r="R111" s="12"/>
      <c r="S111" s="12"/>
    </row>
    <row r="112" spans="1:19" ht="22.5" customHeight="1" x14ac:dyDescent="0.15">
      <c r="I112" s="12"/>
      <c r="R112" s="12"/>
      <c r="S112" s="12"/>
    </row>
    <row r="113" spans="9:19" ht="22.5" customHeight="1" x14ac:dyDescent="0.15">
      <c r="I113" s="12"/>
      <c r="R113" s="12"/>
      <c r="S113" s="12"/>
    </row>
    <row r="114" spans="9:19" ht="22.5" customHeight="1" x14ac:dyDescent="0.15">
      <c r="I114" s="12"/>
      <c r="R114" s="12"/>
      <c r="S114" s="12"/>
    </row>
    <row r="115" spans="9:19" ht="22.5" customHeight="1" x14ac:dyDescent="0.15">
      <c r="I115" s="12"/>
      <c r="R115" s="12"/>
      <c r="S115" s="12"/>
    </row>
    <row r="116" spans="9:19" ht="22.5" customHeight="1" x14ac:dyDescent="0.15">
      <c r="I116" s="12"/>
      <c r="R116" s="12"/>
      <c r="S116" s="12"/>
    </row>
    <row r="117" spans="9:19" ht="22.5" customHeight="1" x14ac:dyDescent="0.15">
      <c r="I117" s="12"/>
      <c r="R117" s="12"/>
      <c r="S117" s="12"/>
    </row>
    <row r="118" spans="9:19" ht="22.5" customHeight="1" x14ac:dyDescent="0.15">
      <c r="I118" s="12"/>
      <c r="R118" s="12"/>
      <c r="S118" s="12"/>
    </row>
    <row r="119" spans="9:19" ht="22.5" customHeight="1" x14ac:dyDescent="0.15">
      <c r="I119" s="12"/>
      <c r="R119" s="12"/>
      <c r="S119" s="12"/>
    </row>
    <row r="120" spans="9:19" ht="22.5" customHeight="1" x14ac:dyDescent="0.15">
      <c r="I120" s="12"/>
      <c r="R120" s="12"/>
      <c r="S120" s="12"/>
    </row>
    <row r="121" spans="9:19" ht="22.5" customHeight="1" x14ac:dyDescent="0.15">
      <c r="I121" s="12"/>
      <c r="R121" s="12"/>
      <c r="S121" s="12"/>
    </row>
    <row r="122" spans="9:19" ht="22.5" customHeight="1" x14ac:dyDescent="0.15">
      <c r="I122" s="12"/>
      <c r="R122" s="12"/>
      <c r="S122" s="12"/>
    </row>
    <row r="123" spans="9:19" ht="22.5" customHeight="1" x14ac:dyDescent="0.15">
      <c r="I123" s="12"/>
      <c r="R123" s="12"/>
      <c r="S123" s="12"/>
    </row>
    <row r="124" spans="9:19" ht="22.5" customHeight="1" x14ac:dyDescent="0.15">
      <c r="I124" s="12"/>
      <c r="R124" s="12"/>
      <c r="S124" s="12"/>
    </row>
    <row r="125" spans="9:19" ht="22.5" customHeight="1" x14ac:dyDescent="0.15">
      <c r="I125" s="12"/>
      <c r="R125" s="12"/>
      <c r="S125" s="12"/>
    </row>
    <row r="126" spans="9:19" ht="22.5" customHeight="1" x14ac:dyDescent="0.15">
      <c r="I126" s="12"/>
      <c r="R126" s="12"/>
      <c r="S126" s="12"/>
    </row>
    <row r="127" spans="9:19" ht="22.5" customHeight="1" x14ac:dyDescent="0.15">
      <c r="I127" s="12"/>
      <c r="R127" s="12"/>
      <c r="S127" s="12"/>
    </row>
    <row r="128" spans="9:19" ht="22.5" customHeight="1" x14ac:dyDescent="0.15">
      <c r="I128" s="12"/>
      <c r="R128" s="12"/>
      <c r="S128" s="12"/>
    </row>
    <row r="129" spans="9:19" ht="22.5" customHeight="1" x14ac:dyDescent="0.15">
      <c r="I129" s="12"/>
      <c r="R129" s="12"/>
      <c r="S129" s="12"/>
    </row>
    <row r="130" spans="9:19" ht="22.5" customHeight="1" x14ac:dyDescent="0.15">
      <c r="I130" s="12"/>
      <c r="R130" s="12"/>
      <c r="S130" s="12"/>
    </row>
    <row r="131" spans="9:19" ht="22.5" customHeight="1" x14ac:dyDescent="0.15">
      <c r="I131" s="12"/>
      <c r="R131" s="12"/>
      <c r="S131" s="12"/>
    </row>
    <row r="132" spans="9:19" ht="22.5" customHeight="1" x14ac:dyDescent="0.15">
      <c r="I132" s="12"/>
      <c r="R132" s="12"/>
      <c r="S132" s="12"/>
    </row>
    <row r="133" spans="9:19" ht="22.5" customHeight="1" x14ac:dyDescent="0.15">
      <c r="I133" s="12"/>
      <c r="R133" s="12"/>
      <c r="S133" s="12"/>
    </row>
    <row r="134" spans="9:19" ht="22.5" customHeight="1" x14ac:dyDescent="0.15">
      <c r="I134" s="12"/>
      <c r="R134" s="12"/>
      <c r="S134" s="12"/>
    </row>
    <row r="135" spans="9:19" ht="22.5" customHeight="1" x14ac:dyDescent="0.15">
      <c r="I135" s="12"/>
      <c r="R135" s="12"/>
      <c r="S135" s="12"/>
    </row>
    <row r="136" spans="9:19" ht="22.5" customHeight="1" x14ac:dyDescent="0.15">
      <c r="I136" s="12"/>
      <c r="R136" s="12"/>
      <c r="S136" s="12"/>
    </row>
    <row r="137" spans="9:19" ht="22.5" customHeight="1" x14ac:dyDescent="0.15">
      <c r="I137" s="12"/>
      <c r="R137" s="12"/>
      <c r="S137" s="12"/>
    </row>
    <row r="138" spans="9:19" ht="22.5" customHeight="1" x14ac:dyDescent="0.15">
      <c r="I138" s="12"/>
      <c r="R138" s="12"/>
      <c r="S138" s="12"/>
    </row>
    <row r="139" spans="9:19" ht="22.5" customHeight="1" x14ac:dyDescent="0.15">
      <c r="I139" s="12"/>
      <c r="R139" s="12"/>
      <c r="S139" s="12"/>
    </row>
    <row r="140" spans="9:19" ht="22.5" customHeight="1" x14ac:dyDescent="0.15">
      <c r="I140" s="12"/>
      <c r="R140" s="12"/>
      <c r="S140" s="12"/>
    </row>
    <row r="141" spans="9:19" ht="22.5" customHeight="1" x14ac:dyDescent="0.15">
      <c r="I141" s="12"/>
      <c r="R141" s="12"/>
      <c r="S141" s="12"/>
    </row>
    <row r="142" spans="9:19" ht="22.5" customHeight="1" x14ac:dyDescent="0.15">
      <c r="I142" s="12"/>
      <c r="R142" s="12"/>
      <c r="S142" s="12"/>
    </row>
    <row r="143" spans="9:19" ht="22.5" customHeight="1" x14ac:dyDescent="0.15">
      <c r="I143" s="12"/>
      <c r="R143" s="12"/>
      <c r="S143" s="12"/>
    </row>
    <row r="144" spans="9:19" ht="22.5" customHeight="1" x14ac:dyDescent="0.15">
      <c r="I144" s="12"/>
      <c r="R144" s="12"/>
      <c r="S144" s="12"/>
    </row>
    <row r="145" spans="9:19" ht="22.5" customHeight="1" x14ac:dyDescent="0.15">
      <c r="I145" s="12"/>
      <c r="R145" s="12"/>
      <c r="S145" s="12"/>
    </row>
    <row r="146" spans="9:19" ht="22.5" customHeight="1" x14ac:dyDescent="0.15">
      <c r="I146" s="12"/>
      <c r="R146" s="12"/>
      <c r="S146" s="12"/>
    </row>
    <row r="147" spans="9:19" ht="22.5" customHeight="1" x14ac:dyDescent="0.15">
      <c r="I147" s="12"/>
      <c r="R147" s="12"/>
      <c r="S147" s="12"/>
    </row>
    <row r="148" spans="9:19" ht="22.5" customHeight="1" x14ac:dyDescent="0.15">
      <c r="I148" s="12"/>
      <c r="R148" s="12"/>
      <c r="S148" s="12"/>
    </row>
    <row r="149" spans="9:19" ht="22.5" customHeight="1" x14ac:dyDescent="0.15">
      <c r="I149" s="12"/>
      <c r="R149" s="12"/>
      <c r="S149" s="12"/>
    </row>
    <row r="150" spans="9:19" ht="22.5" customHeight="1" x14ac:dyDescent="0.15">
      <c r="I150" s="12"/>
      <c r="R150" s="12"/>
      <c r="S150" s="12"/>
    </row>
    <row r="151" spans="9:19" ht="22.5" customHeight="1" x14ac:dyDescent="0.15">
      <c r="I151" s="12"/>
      <c r="R151" s="12"/>
      <c r="S151" s="12"/>
    </row>
    <row r="152" spans="9:19" ht="22.5" customHeight="1" x14ac:dyDescent="0.15">
      <c r="I152" s="12"/>
      <c r="R152" s="12"/>
      <c r="S152" s="12"/>
    </row>
    <row r="153" spans="9:19" ht="22.5" customHeight="1" x14ac:dyDescent="0.15">
      <c r="I153" s="12"/>
      <c r="R153" s="12"/>
      <c r="S153" s="12"/>
    </row>
    <row r="154" spans="9:19" ht="22.5" customHeight="1" x14ac:dyDescent="0.15">
      <c r="I154" s="12"/>
      <c r="R154" s="12"/>
      <c r="S154" s="12"/>
    </row>
    <row r="155" spans="9:19" ht="22.5" customHeight="1" x14ac:dyDescent="0.15">
      <c r="I155" s="12"/>
      <c r="R155" s="12"/>
      <c r="S155" s="12"/>
    </row>
    <row r="156" spans="9:19" ht="22.5" customHeight="1" x14ac:dyDescent="0.15">
      <c r="I156" s="12"/>
      <c r="R156" s="12"/>
      <c r="S156" s="12"/>
    </row>
    <row r="157" spans="9:19" ht="22.5" customHeight="1" x14ac:dyDescent="0.15">
      <c r="I157" s="12"/>
      <c r="R157" s="12"/>
      <c r="S157" s="12"/>
    </row>
    <row r="158" spans="9:19" ht="22.5" customHeight="1" x14ac:dyDescent="0.15">
      <c r="I158" s="12"/>
      <c r="R158" s="12"/>
      <c r="S158" s="12"/>
    </row>
    <row r="159" spans="9:19" ht="22.5" customHeight="1" x14ac:dyDescent="0.15">
      <c r="I159" s="12"/>
      <c r="R159" s="12"/>
      <c r="S159" s="12"/>
    </row>
    <row r="160" spans="9:19" ht="22.5" customHeight="1" x14ac:dyDescent="0.15">
      <c r="I160" s="12"/>
      <c r="R160" s="12"/>
      <c r="S160" s="12"/>
    </row>
    <row r="161" spans="9:19" ht="22.5" customHeight="1" x14ac:dyDescent="0.15">
      <c r="I161" s="12"/>
      <c r="R161" s="12"/>
      <c r="S161" s="12"/>
    </row>
    <row r="162" spans="9:19" ht="22.5" customHeight="1" x14ac:dyDescent="0.15">
      <c r="I162" s="12"/>
      <c r="R162" s="12"/>
      <c r="S162" s="12"/>
    </row>
    <row r="163" spans="9:19" ht="22.5" customHeight="1" x14ac:dyDescent="0.15">
      <c r="I163" s="12"/>
      <c r="R163" s="12"/>
      <c r="S163" s="12"/>
    </row>
    <row r="164" spans="9:19" ht="22.5" customHeight="1" x14ac:dyDescent="0.15">
      <c r="I164" s="12"/>
      <c r="R164" s="12"/>
      <c r="S164" s="12"/>
    </row>
    <row r="165" spans="9:19" ht="22.5" customHeight="1" x14ac:dyDescent="0.15">
      <c r="I165" s="12"/>
      <c r="R165" s="12"/>
      <c r="S165" s="12"/>
    </row>
    <row r="166" spans="9:19" ht="22.5" customHeight="1" x14ac:dyDescent="0.15">
      <c r="I166" s="12"/>
      <c r="R166" s="12"/>
      <c r="S166" s="12"/>
    </row>
    <row r="167" spans="9:19" ht="22.5" customHeight="1" x14ac:dyDescent="0.15">
      <c r="I167" s="12"/>
      <c r="R167" s="12"/>
      <c r="S167" s="12"/>
    </row>
    <row r="168" spans="9:19" ht="22.5" customHeight="1" x14ac:dyDescent="0.15">
      <c r="I168" s="12"/>
      <c r="R168" s="12"/>
      <c r="S168" s="12"/>
    </row>
    <row r="169" spans="9:19" ht="22.5" customHeight="1" x14ac:dyDescent="0.15">
      <c r="I169" s="12"/>
      <c r="R169" s="12"/>
      <c r="S169" s="12"/>
    </row>
    <row r="170" spans="9:19" ht="22.5" customHeight="1" x14ac:dyDescent="0.15">
      <c r="I170" s="12"/>
      <c r="R170" s="12"/>
      <c r="S170" s="12"/>
    </row>
    <row r="171" spans="9:19" ht="22.5" customHeight="1" x14ac:dyDescent="0.15">
      <c r="I171" s="12"/>
      <c r="R171" s="12"/>
      <c r="S171" s="12"/>
    </row>
    <row r="172" spans="9:19" ht="22.5" customHeight="1" x14ac:dyDescent="0.15">
      <c r="I172" s="12"/>
      <c r="R172" s="12"/>
      <c r="S172" s="12"/>
    </row>
    <row r="173" spans="9:19" ht="22.5" customHeight="1" x14ac:dyDescent="0.15">
      <c r="I173" s="12"/>
      <c r="R173" s="12"/>
      <c r="S173" s="12"/>
    </row>
    <row r="174" spans="9:19" ht="22.5" customHeight="1" x14ac:dyDescent="0.15">
      <c r="I174" s="12"/>
      <c r="R174" s="12"/>
      <c r="S174" s="12"/>
    </row>
    <row r="175" spans="9:19" ht="22.5" customHeight="1" x14ac:dyDescent="0.15">
      <c r="I175" s="12"/>
      <c r="R175" s="12"/>
      <c r="S175" s="12"/>
    </row>
    <row r="176" spans="9:19" ht="22.5" customHeight="1" x14ac:dyDescent="0.15">
      <c r="I176" s="12"/>
      <c r="R176" s="12"/>
      <c r="S176" s="12"/>
    </row>
    <row r="177" spans="9:19" ht="22.5" customHeight="1" x14ac:dyDescent="0.15">
      <c r="I177" s="12"/>
      <c r="R177" s="12"/>
      <c r="S177" s="12"/>
    </row>
    <row r="178" spans="9:19" ht="22.5" customHeight="1" x14ac:dyDescent="0.15">
      <c r="I178" s="12"/>
      <c r="R178" s="12"/>
      <c r="S178" s="12"/>
    </row>
    <row r="179" spans="9:19" ht="22.5" customHeight="1" x14ac:dyDescent="0.15">
      <c r="I179" s="12"/>
      <c r="R179" s="12"/>
      <c r="S179" s="12"/>
    </row>
    <row r="180" spans="9:19" ht="22.5" customHeight="1" x14ac:dyDescent="0.15">
      <c r="I180" s="12"/>
      <c r="R180" s="12"/>
      <c r="S180" s="12"/>
    </row>
    <row r="181" spans="9:19" ht="22.5" customHeight="1" x14ac:dyDescent="0.15">
      <c r="I181" s="12"/>
      <c r="R181" s="12"/>
      <c r="S181" s="12"/>
    </row>
    <row r="182" spans="9:19" ht="22.5" customHeight="1" x14ac:dyDescent="0.15">
      <c r="I182" s="12"/>
      <c r="R182" s="12"/>
      <c r="S182" s="12"/>
    </row>
    <row r="183" spans="9:19" ht="22.5" customHeight="1" x14ac:dyDescent="0.15">
      <c r="I183" s="12"/>
      <c r="R183" s="12"/>
      <c r="S183" s="12"/>
    </row>
    <row r="184" spans="9:19" ht="22.5" customHeight="1" x14ac:dyDescent="0.15">
      <c r="I184" s="12"/>
      <c r="R184" s="12"/>
      <c r="S184" s="12"/>
    </row>
    <row r="185" spans="9:19" ht="22.5" customHeight="1" x14ac:dyDescent="0.15">
      <c r="I185" s="12"/>
      <c r="R185" s="12"/>
      <c r="S185" s="12"/>
    </row>
    <row r="186" spans="9:19" ht="22.5" customHeight="1" x14ac:dyDescent="0.15">
      <c r="I186" s="12"/>
      <c r="R186" s="12"/>
      <c r="S186" s="12"/>
    </row>
    <row r="187" spans="9:19" ht="22.5" customHeight="1" x14ac:dyDescent="0.15">
      <c r="I187" s="12"/>
      <c r="R187" s="12"/>
      <c r="S187" s="12"/>
    </row>
    <row r="188" spans="9:19" ht="22.5" customHeight="1" x14ac:dyDescent="0.15">
      <c r="I188" s="12"/>
      <c r="R188" s="12"/>
      <c r="S188" s="12"/>
    </row>
    <row r="189" spans="9:19" ht="22.5" customHeight="1" x14ac:dyDescent="0.15">
      <c r="I189" s="12"/>
      <c r="R189" s="12"/>
      <c r="S189" s="12"/>
    </row>
    <row r="190" spans="9:19" ht="22.5" customHeight="1" x14ac:dyDescent="0.15">
      <c r="I190" s="12"/>
      <c r="R190" s="12"/>
      <c r="S190" s="12"/>
    </row>
    <row r="191" spans="9:19" ht="22.5" customHeight="1" x14ac:dyDescent="0.15">
      <c r="I191" s="12"/>
      <c r="R191" s="12"/>
      <c r="S191" s="12"/>
    </row>
    <row r="192" spans="9:19" ht="22.5" customHeight="1" x14ac:dyDescent="0.15">
      <c r="I192" s="12"/>
      <c r="R192" s="12"/>
      <c r="S192" s="12"/>
    </row>
    <row r="193" spans="9:19" ht="22.5" customHeight="1" x14ac:dyDescent="0.15">
      <c r="I193" s="12"/>
      <c r="R193" s="12"/>
      <c r="S193" s="12"/>
    </row>
    <row r="194" spans="9:19" ht="22.5" customHeight="1" x14ac:dyDescent="0.15">
      <c r="I194" s="12"/>
      <c r="R194" s="12"/>
      <c r="S194" s="12"/>
    </row>
    <row r="195" spans="9:19" ht="22.5" customHeight="1" x14ac:dyDescent="0.15">
      <c r="I195" s="12"/>
      <c r="R195" s="12"/>
      <c r="S195" s="12"/>
    </row>
    <row r="196" spans="9:19" ht="22.5" customHeight="1" x14ac:dyDescent="0.15">
      <c r="I196" s="12"/>
      <c r="R196" s="12"/>
      <c r="S196" s="12"/>
    </row>
    <row r="197" spans="9:19" ht="22.5" customHeight="1" x14ac:dyDescent="0.15">
      <c r="I197" s="12"/>
      <c r="R197" s="12"/>
      <c r="S197" s="12"/>
    </row>
    <row r="198" spans="9:19" ht="22.5" customHeight="1" x14ac:dyDescent="0.15">
      <c r="I198" s="12"/>
      <c r="R198" s="12"/>
      <c r="S198" s="12"/>
    </row>
    <row r="199" spans="9:19" ht="22.5" customHeight="1" x14ac:dyDescent="0.15">
      <c r="I199" s="12"/>
      <c r="R199" s="12"/>
      <c r="S199" s="12"/>
    </row>
    <row r="200" spans="9:19" ht="22.5" customHeight="1" x14ac:dyDescent="0.15">
      <c r="I200" s="12"/>
      <c r="R200" s="12"/>
      <c r="S200" s="12"/>
    </row>
  </sheetData>
  <sheetProtection selectLockedCells="1" selectUnlockedCells="1"/>
  <mergeCells count="16"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  <mergeCell ref="B6:R6"/>
    <mergeCell ref="B7:R7"/>
    <mergeCell ref="B9:D9"/>
    <mergeCell ref="J9:M9"/>
    <mergeCell ref="N9:P9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9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92"/>
  <sheetViews>
    <sheetView showGridLines="0" zoomScale="60" zoomScaleNormal="60" zoomScaleSheetLayoutView="50" workbookViewId="0"/>
  </sheetViews>
  <sheetFormatPr defaultColWidth="8.875" defaultRowHeight="22.5" customHeight="1" x14ac:dyDescent="0.15"/>
  <cols>
    <col min="1" max="1" width="7.5" style="2" customWidth="1"/>
    <col min="2" max="2" width="11.125" style="2" customWidth="1"/>
    <col min="3" max="8" width="7.5" style="2" customWidth="1"/>
    <col min="9" max="9" width="28.125" style="2" customWidth="1"/>
    <col min="10" max="10" width="50" style="2" customWidth="1"/>
    <col min="11" max="11" width="2.5" style="2" customWidth="1"/>
    <col min="12" max="12" width="11.125" style="2" customWidth="1"/>
    <col min="13" max="13" width="7.5" style="2" customWidth="1"/>
    <col min="14" max="16384" width="8.875" style="11"/>
  </cols>
  <sheetData>
    <row r="1" spans="1:13" ht="22.5" customHeight="1" x14ac:dyDescent="0.15">
      <c r="A1" s="11"/>
      <c r="B1" s="8" t="s">
        <v>98</v>
      </c>
      <c r="C1" s="11"/>
      <c r="D1" s="11"/>
      <c r="E1" s="11"/>
      <c r="F1" s="11"/>
      <c r="G1" s="11"/>
      <c r="H1" s="11"/>
      <c r="I1" s="11"/>
      <c r="J1" s="11"/>
      <c r="K1" s="11"/>
      <c r="L1" s="11"/>
      <c r="M1" s="11"/>
    </row>
    <row r="2" spans="1:13" ht="22.5" customHeight="1" x14ac:dyDescent="0.15">
      <c r="A2" s="11"/>
      <c r="B2" s="8" t="s">
        <v>97</v>
      </c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</row>
    <row r="3" spans="1:13" ht="22.5" customHeight="1" x14ac:dyDescent="0.15">
      <c r="A3" s="11"/>
      <c r="B3" s="8" t="s">
        <v>96</v>
      </c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</row>
    <row r="4" spans="1:13" ht="22.5" customHeight="1" x14ac:dyDescent="0.15">
      <c r="A4" s="42"/>
      <c r="B4" s="38"/>
      <c r="C4" s="38"/>
      <c r="D4" s="38"/>
      <c r="E4" s="38"/>
      <c r="F4" s="38"/>
      <c r="G4" s="38"/>
      <c r="H4" s="38"/>
      <c r="I4" s="38"/>
      <c r="J4" s="38"/>
      <c r="K4" s="38"/>
      <c r="L4" s="38"/>
      <c r="M4" s="40"/>
    </row>
    <row r="5" spans="1:13" ht="22.5" customHeight="1" x14ac:dyDescent="0.2">
      <c r="A5" s="29"/>
      <c r="B5" s="20"/>
      <c r="C5" s="78"/>
      <c r="D5" s="78"/>
      <c r="E5" s="78"/>
      <c r="F5" s="78"/>
      <c r="G5" s="78"/>
      <c r="H5" s="78"/>
      <c r="I5" s="78"/>
      <c r="J5" s="20"/>
      <c r="K5" s="78"/>
      <c r="L5" s="78"/>
      <c r="M5" s="27"/>
    </row>
    <row r="6" spans="1:13" ht="28.5" x14ac:dyDescent="0.3">
      <c r="A6" s="77"/>
      <c r="B6" s="149" t="s">
        <v>152</v>
      </c>
      <c r="C6" s="149"/>
      <c r="D6" s="149"/>
      <c r="E6" s="149"/>
      <c r="F6" s="149"/>
      <c r="G6" s="149"/>
      <c r="H6" s="149"/>
      <c r="I6" s="149"/>
      <c r="J6" s="149"/>
      <c r="K6" s="149"/>
      <c r="L6" s="150"/>
      <c r="M6" s="76"/>
    </row>
    <row r="7" spans="1:13" ht="22.5" customHeight="1" x14ac:dyDescent="0.2">
      <c r="A7" s="29"/>
      <c r="B7" s="151" t="s">
        <v>151</v>
      </c>
      <c r="C7" s="151"/>
      <c r="D7" s="151"/>
      <c r="E7" s="151"/>
      <c r="F7" s="151"/>
      <c r="G7" s="151"/>
      <c r="H7" s="151"/>
      <c r="I7" s="151"/>
      <c r="J7" s="151"/>
      <c r="K7" s="151"/>
      <c r="L7" s="152"/>
      <c r="M7" s="27"/>
    </row>
    <row r="8" spans="1:13" ht="22.5" hidden="1" customHeight="1" x14ac:dyDescent="0.15">
      <c r="A8" s="29"/>
      <c r="M8" s="27"/>
    </row>
    <row r="9" spans="1:13" ht="22.5" hidden="1" customHeight="1" x14ac:dyDescent="0.15">
      <c r="A9" s="29"/>
      <c r="M9" s="27"/>
    </row>
    <row r="10" spans="1:13" ht="22.5" hidden="1" customHeight="1" x14ac:dyDescent="0.15">
      <c r="A10" s="29"/>
      <c r="M10" s="27"/>
    </row>
    <row r="11" spans="1:13" ht="22.5" hidden="1" customHeight="1" x14ac:dyDescent="0.15">
      <c r="A11" s="29"/>
      <c r="M11" s="27"/>
    </row>
    <row r="12" spans="1:13" ht="22.5" hidden="1" customHeight="1" x14ac:dyDescent="0.15">
      <c r="A12" s="29"/>
      <c r="M12" s="27"/>
    </row>
    <row r="13" spans="1:13" ht="22.5" hidden="1" customHeight="1" x14ac:dyDescent="0.15">
      <c r="A13" s="29"/>
      <c r="M13" s="27"/>
    </row>
    <row r="14" spans="1:13" ht="22.5" hidden="1" customHeight="1" x14ac:dyDescent="0.15">
      <c r="A14" s="29"/>
      <c r="M14" s="27"/>
    </row>
    <row r="15" spans="1:13" ht="18.75" x14ac:dyDescent="0.15">
      <c r="A15" s="29"/>
      <c r="M15" s="27"/>
    </row>
    <row r="16" spans="1:13" ht="22.5" customHeight="1" x14ac:dyDescent="0.15">
      <c r="A16" s="29"/>
      <c r="B16" s="153"/>
      <c r="C16" s="153"/>
      <c r="D16" s="153"/>
      <c r="E16" s="20"/>
      <c r="F16" s="75"/>
      <c r="G16" s="20"/>
      <c r="H16" s="20"/>
      <c r="I16" s="20"/>
      <c r="J16" s="20"/>
      <c r="K16" s="45" t="s">
        <v>150</v>
      </c>
      <c r="L16" s="45"/>
      <c r="M16" s="27"/>
    </row>
    <row r="17" spans="1:13" ht="22.5" customHeight="1" x14ac:dyDescent="0.15">
      <c r="A17" s="29"/>
      <c r="C17" s="74" t="s">
        <v>149</v>
      </c>
      <c r="D17" s="73"/>
      <c r="E17" s="73"/>
      <c r="F17" s="73"/>
      <c r="G17" s="73"/>
      <c r="H17" s="73"/>
      <c r="I17" s="38"/>
      <c r="J17" s="37">
        <v>16549083</v>
      </c>
      <c r="K17" s="36"/>
      <c r="M17" s="27"/>
    </row>
    <row r="18" spans="1:13" ht="22.5" customHeight="1" x14ac:dyDescent="0.15">
      <c r="A18" s="29"/>
      <c r="C18" s="66"/>
      <c r="D18" s="65" t="s">
        <v>148</v>
      </c>
      <c r="E18" s="65"/>
      <c r="F18" s="65"/>
      <c r="G18" s="65"/>
      <c r="H18" s="65"/>
      <c r="I18" s="64"/>
      <c r="J18" s="28">
        <v>0</v>
      </c>
      <c r="K18" s="67"/>
      <c r="M18" s="27"/>
    </row>
    <row r="19" spans="1:13" ht="22.5" customHeight="1" x14ac:dyDescent="0.15">
      <c r="A19" s="29"/>
      <c r="C19" s="66"/>
      <c r="D19" s="65" t="s">
        <v>147</v>
      </c>
      <c r="E19" s="65"/>
      <c r="F19" s="65"/>
      <c r="G19" s="65"/>
      <c r="H19" s="65"/>
      <c r="I19" s="64"/>
      <c r="J19" s="28">
        <v>0</v>
      </c>
      <c r="K19" s="67"/>
      <c r="M19" s="27"/>
    </row>
    <row r="20" spans="1:13" ht="22.5" customHeight="1" x14ac:dyDescent="0.15">
      <c r="A20" s="29"/>
      <c r="C20" s="66"/>
      <c r="D20" s="65" t="s">
        <v>146</v>
      </c>
      <c r="E20" s="65"/>
      <c r="F20" s="65"/>
      <c r="G20" s="65"/>
      <c r="H20" s="65"/>
      <c r="I20" s="64"/>
      <c r="J20" s="28">
        <v>0</v>
      </c>
      <c r="K20" s="67"/>
      <c r="M20" s="27"/>
    </row>
    <row r="21" spans="1:13" ht="22.5" customHeight="1" x14ac:dyDescent="0.15">
      <c r="A21" s="29"/>
      <c r="C21" s="66"/>
      <c r="D21" s="65" t="s">
        <v>145</v>
      </c>
      <c r="E21" s="65"/>
      <c r="F21" s="65"/>
      <c r="G21" s="65"/>
      <c r="H21" s="65"/>
      <c r="I21" s="64"/>
      <c r="J21" s="28">
        <v>0</v>
      </c>
      <c r="K21" s="67"/>
      <c r="M21" s="27"/>
    </row>
    <row r="22" spans="1:13" ht="22.5" customHeight="1" x14ac:dyDescent="0.15">
      <c r="A22" s="29"/>
      <c r="C22" s="66"/>
      <c r="D22" s="65" t="s">
        <v>144</v>
      </c>
      <c r="E22" s="65"/>
      <c r="F22" s="65"/>
      <c r="G22" s="65"/>
      <c r="H22" s="65"/>
      <c r="I22" s="64"/>
      <c r="J22" s="28">
        <v>0</v>
      </c>
      <c r="K22" s="67"/>
      <c r="M22" s="27"/>
    </row>
    <row r="23" spans="1:13" ht="22.5" customHeight="1" x14ac:dyDescent="0.15">
      <c r="A23" s="29"/>
      <c r="C23" s="66"/>
      <c r="D23" s="65" t="s">
        <v>143</v>
      </c>
      <c r="E23" s="65"/>
      <c r="F23" s="65"/>
      <c r="G23" s="65"/>
      <c r="H23" s="65"/>
      <c r="I23" s="64"/>
      <c r="J23" s="28">
        <v>0</v>
      </c>
      <c r="K23" s="67"/>
      <c r="M23" s="27"/>
    </row>
    <row r="24" spans="1:13" ht="22.5" customHeight="1" x14ac:dyDescent="0.15">
      <c r="A24" s="29"/>
      <c r="C24" s="66"/>
      <c r="D24" s="65" t="s">
        <v>142</v>
      </c>
      <c r="E24" s="65"/>
      <c r="F24" s="65"/>
      <c r="G24" s="65"/>
      <c r="H24" s="65"/>
      <c r="I24" s="64"/>
      <c r="J24" s="28">
        <v>0</v>
      </c>
      <c r="K24" s="67"/>
      <c r="M24" s="27"/>
    </row>
    <row r="25" spans="1:13" ht="22.5" customHeight="1" x14ac:dyDescent="0.15">
      <c r="A25" s="29"/>
      <c r="C25" s="66"/>
      <c r="D25" s="65" t="s">
        <v>141</v>
      </c>
      <c r="E25" s="65"/>
      <c r="F25" s="65"/>
      <c r="G25" s="65"/>
      <c r="H25" s="65"/>
      <c r="I25" s="64"/>
      <c r="J25" s="28">
        <v>250128</v>
      </c>
      <c r="K25" s="67"/>
      <c r="M25" s="27"/>
    </row>
    <row r="26" spans="1:13" ht="22.5" customHeight="1" x14ac:dyDescent="0.15">
      <c r="A26" s="29"/>
      <c r="C26" s="66"/>
      <c r="D26" s="65" t="s">
        <v>140</v>
      </c>
      <c r="E26" s="65"/>
      <c r="F26" s="65"/>
      <c r="G26" s="65"/>
      <c r="H26" s="65"/>
      <c r="I26" s="64"/>
      <c r="J26" s="28">
        <v>0</v>
      </c>
      <c r="K26" s="67"/>
      <c r="M26" s="27"/>
    </row>
    <row r="27" spans="1:13" ht="22.5" customHeight="1" x14ac:dyDescent="0.15">
      <c r="A27" s="29"/>
      <c r="C27" s="66"/>
      <c r="D27" s="65" t="s">
        <v>139</v>
      </c>
      <c r="E27" s="65"/>
      <c r="F27" s="65"/>
      <c r="G27" s="65"/>
      <c r="H27" s="65"/>
      <c r="I27" s="64"/>
      <c r="J27" s="28">
        <v>0</v>
      </c>
      <c r="K27" s="67"/>
      <c r="M27" s="27"/>
    </row>
    <row r="28" spans="1:13" ht="22.5" customHeight="1" x14ac:dyDescent="0.15">
      <c r="A28" s="29"/>
      <c r="C28" s="66"/>
      <c r="D28" s="65"/>
      <c r="E28" s="65" t="s">
        <v>138</v>
      </c>
      <c r="F28" s="65"/>
      <c r="G28" s="65"/>
      <c r="H28" s="65"/>
      <c r="I28" s="64"/>
      <c r="J28" s="28">
        <v>0</v>
      </c>
      <c r="K28" s="67"/>
      <c r="M28" s="27"/>
    </row>
    <row r="29" spans="1:13" ht="22.5" customHeight="1" x14ac:dyDescent="0.15">
      <c r="A29" s="29"/>
      <c r="C29" s="66"/>
      <c r="D29" s="65"/>
      <c r="E29" s="65" t="s">
        <v>137</v>
      </c>
      <c r="F29" s="65"/>
      <c r="G29" s="65"/>
      <c r="H29" s="65"/>
      <c r="I29" s="64"/>
      <c r="J29" s="28">
        <v>0</v>
      </c>
      <c r="K29" s="67"/>
      <c r="M29" s="27"/>
    </row>
    <row r="30" spans="1:13" ht="22.5" customHeight="1" x14ac:dyDescent="0.15">
      <c r="A30" s="29"/>
      <c r="C30" s="66"/>
      <c r="D30" s="65"/>
      <c r="E30" s="65" t="s">
        <v>136</v>
      </c>
      <c r="F30" s="65"/>
      <c r="G30" s="65"/>
      <c r="H30" s="65"/>
      <c r="I30" s="64"/>
      <c r="J30" s="28">
        <v>0</v>
      </c>
      <c r="K30" s="67"/>
      <c r="M30" s="27"/>
    </row>
    <row r="31" spans="1:13" ht="22.5" customHeight="1" x14ac:dyDescent="0.15">
      <c r="A31" s="29"/>
      <c r="C31" s="66"/>
      <c r="D31" s="65" t="s">
        <v>135</v>
      </c>
      <c r="E31" s="65"/>
      <c r="F31" s="65"/>
      <c r="G31" s="65"/>
      <c r="H31" s="65"/>
      <c r="I31" s="64"/>
      <c r="J31" s="28">
        <v>0</v>
      </c>
      <c r="K31" s="67"/>
      <c r="M31" s="27"/>
    </row>
    <row r="32" spans="1:13" ht="22.5" customHeight="1" x14ac:dyDescent="0.15">
      <c r="A32" s="29"/>
      <c r="C32" s="66"/>
      <c r="D32" s="65" t="s">
        <v>134</v>
      </c>
      <c r="E32" s="65"/>
      <c r="F32" s="65"/>
      <c r="G32" s="65"/>
      <c r="H32" s="65"/>
      <c r="I32" s="64"/>
      <c r="J32" s="28">
        <v>0</v>
      </c>
      <c r="K32" s="67"/>
      <c r="M32" s="27"/>
    </row>
    <row r="33" spans="1:13" ht="22.5" customHeight="1" x14ac:dyDescent="0.15">
      <c r="A33" s="29"/>
      <c r="C33" s="72"/>
      <c r="D33" s="71" t="s">
        <v>133</v>
      </c>
      <c r="E33" s="71"/>
      <c r="F33" s="71"/>
      <c r="G33" s="71"/>
      <c r="H33" s="71"/>
      <c r="I33" s="70"/>
      <c r="J33" s="69">
        <v>16298955</v>
      </c>
      <c r="K33" s="68"/>
      <c r="M33" s="27"/>
    </row>
    <row r="34" spans="1:13" ht="22.5" customHeight="1" x14ac:dyDescent="0.15">
      <c r="A34" s="29"/>
      <c r="C34" s="66" t="s">
        <v>132</v>
      </c>
      <c r="D34" s="65"/>
      <c r="E34" s="65"/>
      <c r="F34" s="65"/>
      <c r="G34" s="65"/>
      <c r="H34" s="65"/>
      <c r="I34" s="64"/>
      <c r="J34" s="31">
        <v>4123296338</v>
      </c>
      <c r="K34" s="67"/>
      <c r="M34" s="27"/>
    </row>
    <row r="35" spans="1:13" ht="22.5" customHeight="1" x14ac:dyDescent="0.15">
      <c r="A35" s="29"/>
      <c r="C35" s="66"/>
      <c r="D35" s="65" t="s">
        <v>131</v>
      </c>
      <c r="E35" s="65"/>
      <c r="F35" s="65"/>
      <c r="G35" s="65"/>
      <c r="H35" s="65"/>
      <c r="I35" s="64"/>
      <c r="J35" s="28">
        <v>481098874</v>
      </c>
      <c r="K35" s="63"/>
      <c r="M35" s="27"/>
    </row>
    <row r="36" spans="1:13" ht="22.5" customHeight="1" x14ac:dyDescent="0.15">
      <c r="A36" s="29"/>
      <c r="C36" s="66"/>
      <c r="D36" s="65" t="s">
        <v>130</v>
      </c>
      <c r="E36" s="65"/>
      <c r="F36" s="65"/>
      <c r="G36" s="65"/>
      <c r="H36" s="65"/>
      <c r="I36" s="64"/>
      <c r="J36" s="28">
        <v>44031838</v>
      </c>
      <c r="K36" s="63"/>
      <c r="M36" s="27"/>
    </row>
    <row r="37" spans="1:13" ht="22.5" customHeight="1" x14ac:dyDescent="0.15">
      <c r="A37" s="29"/>
      <c r="C37" s="66"/>
      <c r="D37" s="65" t="s">
        <v>129</v>
      </c>
      <c r="E37" s="65"/>
      <c r="F37" s="65"/>
      <c r="G37" s="65"/>
      <c r="H37" s="65"/>
      <c r="I37" s="64"/>
      <c r="J37" s="28">
        <v>31290559</v>
      </c>
      <c r="K37" s="63"/>
      <c r="M37" s="27"/>
    </row>
    <row r="38" spans="1:13" ht="22.5" customHeight="1" x14ac:dyDescent="0.15">
      <c r="A38" s="29"/>
      <c r="C38" s="66"/>
      <c r="D38" s="65" t="s">
        <v>128</v>
      </c>
      <c r="E38" s="65"/>
      <c r="F38" s="65"/>
      <c r="G38" s="65"/>
      <c r="H38" s="65"/>
      <c r="I38" s="64"/>
      <c r="J38" s="28">
        <v>3003957691</v>
      </c>
      <c r="K38" s="63"/>
      <c r="M38" s="27"/>
    </row>
    <row r="39" spans="1:13" ht="22.5" customHeight="1" x14ac:dyDescent="0.15">
      <c r="A39" s="29"/>
      <c r="C39" s="66"/>
      <c r="D39" s="65" t="s">
        <v>127</v>
      </c>
      <c r="E39" s="65"/>
      <c r="F39" s="65"/>
      <c r="G39" s="65"/>
      <c r="H39" s="65"/>
      <c r="I39" s="64"/>
      <c r="J39" s="28">
        <v>241751526</v>
      </c>
      <c r="K39" s="63"/>
      <c r="M39" s="27"/>
    </row>
    <row r="40" spans="1:13" ht="22.5" customHeight="1" x14ac:dyDescent="0.15">
      <c r="A40" s="29"/>
      <c r="C40" s="66"/>
      <c r="D40" s="65" t="s">
        <v>126</v>
      </c>
      <c r="E40" s="65"/>
      <c r="F40" s="65"/>
      <c r="G40" s="65"/>
      <c r="H40" s="65"/>
      <c r="I40" s="64"/>
      <c r="J40" s="28">
        <v>301554641</v>
      </c>
      <c r="K40" s="63"/>
      <c r="M40" s="27"/>
    </row>
    <row r="41" spans="1:13" ht="22.5" customHeight="1" x14ac:dyDescent="0.15">
      <c r="A41" s="29"/>
      <c r="C41" s="66"/>
      <c r="D41" s="65" t="s">
        <v>125</v>
      </c>
      <c r="E41" s="65"/>
      <c r="F41" s="65"/>
      <c r="G41" s="65"/>
      <c r="H41" s="65"/>
      <c r="I41" s="64"/>
      <c r="J41" s="28">
        <v>1380809</v>
      </c>
      <c r="K41" s="63"/>
      <c r="M41" s="27"/>
    </row>
    <row r="42" spans="1:13" ht="22.5" customHeight="1" x14ac:dyDescent="0.15">
      <c r="A42" s="29"/>
      <c r="C42" s="66"/>
      <c r="D42" s="65" t="s">
        <v>106</v>
      </c>
      <c r="E42" s="65"/>
      <c r="F42" s="65"/>
      <c r="G42" s="65"/>
      <c r="H42" s="65"/>
      <c r="I42" s="64"/>
      <c r="J42" s="28">
        <v>0</v>
      </c>
      <c r="K42" s="63"/>
      <c r="M42" s="27"/>
    </row>
    <row r="43" spans="1:13" ht="22.5" customHeight="1" x14ac:dyDescent="0.15">
      <c r="A43" s="29"/>
      <c r="C43" s="66"/>
      <c r="D43" s="65" t="s">
        <v>124</v>
      </c>
      <c r="E43" s="65"/>
      <c r="F43" s="65"/>
      <c r="G43" s="65"/>
      <c r="H43" s="65"/>
      <c r="I43" s="64"/>
      <c r="J43" s="28">
        <v>0</v>
      </c>
      <c r="K43" s="63"/>
      <c r="M43" s="27"/>
    </row>
    <row r="44" spans="1:13" ht="22.5" customHeight="1" x14ac:dyDescent="0.15">
      <c r="A44" s="29"/>
      <c r="C44" s="66"/>
      <c r="D44" s="65" t="s">
        <v>123</v>
      </c>
      <c r="E44" s="65"/>
      <c r="F44" s="65"/>
      <c r="G44" s="65"/>
      <c r="H44" s="65"/>
      <c r="I44" s="64"/>
      <c r="J44" s="28">
        <v>0</v>
      </c>
      <c r="K44" s="63"/>
      <c r="M44" s="27"/>
    </row>
    <row r="45" spans="1:13" ht="22.5" customHeight="1" x14ac:dyDescent="0.15">
      <c r="A45" s="29"/>
      <c r="C45" s="66"/>
      <c r="D45" s="65" t="s">
        <v>122</v>
      </c>
      <c r="E45" s="65"/>
      <c r="F45" s="65"/>
      <c r="G45" s="65"/>
      <c r="H45" s="65"/>
      <c r="I45" s="64"/>
      <c r="J45" s="28">
        <v>0</v>
      </c>
      <c r="K45" s="63"/>
      <c r="M45" s="27"/>
    </row>
    <row r="46" spans="1:13" ht="22.5" customHeight="1" x14ac:dyDescent="0.15">
      <c r="A46" s="29"/>
      <c r="C46" s="66"/>
      <c r="D46" s="65" t="s">
        <v>121</v>
      </c>
      <c r="E46" s="65"/>
      <c r="F46" s="65"/>
      <c r="G46" s="65"/>
      <c r="H46" s="65"/>
      <c r="I46" s="64"/>
      <c r="J46" s="28">
        <v>0</v>
      </c>
      <c r="K46" s="63"/>
      <c r="M46" s="27"/>
    </row>
    <row r="47" spans="1:13" ht="22.5" customHeight="1" x14ac:dyDescent="0.15">
      <c r="A47" s="29"/>
      <c r="C47" s="66"/>
      <c r="D47" s="65" t="s">
        <v>120</v>
      </c>
      <c r="E47" s="65"/>
      <c r="F47" s="65"/>
      <c r="G47" s="65"/>
      <c r="H47" s="65"/>
      <c r="I47" s="64"/>
      <c r="J47" s="28">
        <v>18230400</v>
      </c>
      <c r="K47" s="63"/>
      <c r="M47" s="27"/>
    </row>
    <row r="48" spans="1:13" ht="22.5" customHeight="1" x14ac:dyDescent="0.15">
      <c r="A48" s="29"/>
      <c r="C48" s="66"/>
      <c r="D48" s="65" t="s">
        <v>119</v>
      </c>
      <c r="E48" s="65"/>
      <c r="F48" s="65"/>
      <c r="G48" s="65"/>
      <c r="H48" s="65"/>
      <c r="I48" s="64"/>
      <c r="J48" s="28">
        <v>0</v>
      </c>
      <c r="K48" s="63"/>
      <c r="M48" s="27"/>
    </row>
    <row r="49" spans="1:13" ht="22.5" customHeight="1" x14ac:dyDescent="0.15">
      <c r="A49" s="29"/>
      <c r="C49" s="66"/>
      <c r="D49" s="65"/>
      <c r="E49" s="65" t="s">
        <v>118</v>
      </c>
      <c r="F49" s="65"/>
      <c r="G49" s="65"/>
      <c r="H49" s="65"/>
      <c r="I49" s="64"/>
      <c r="J49" s="28">
        <v>0</v>
      </c>
      <c r="K49" s="63"/>
      <c r="M49" s="27"/>
    </row>
    <row r="50" spans="1:13" ht="22.5" customHeight="1" x14ac:dyDescent="0.15">
      <c r="A50" s="29"/>
      <c r="C50" s="66"/>
      <c r="D50" s="65"/>
      <c r="E50" s="65" t="s">
        <v>117</v>
      </c>
      <c r="F50" s="65"/>
      <c r="G50" s="65"/>
      <c r="H50" s="65"/>
      <c r="I50" s="64"/>
      <c r="J50" s="28">
        <v>0</v>
      </c>
      <c r="K50" s="63"/>
      <c r="M50" s="27"/>
    </row>
    <row r="51" spans="1:13" ht="22.5" customHeight="1" x14ac:dyDescent="0.15">
      <c r="A51" s="29"/>
      <c r="C51" s="66"/>
      <c r="D51" s="65"/>
      <c r="E51" s="65" t="s">
        <v>116</v>
      </c>
      <c r="F51" s="65"/>
      <c r="G51" s="65"/>
      <c r="H51" s="65"/>
      <c r="I51" s="64"/>
      <c r="J51" s="28">
        <v>0</v>
      </c>
      <c r="K51" s="63"/>
      <c r="M51" s="27"/>
    </row>
    <row r="52" spans="1:13" ht="22.5" customHeight="1" x14ac:dyDescent="0.15">
      <c r="A52" s="29"/>
      <c r="C52" s="66"/>
      <c r="D52" s="65" t="s">
        <v>115</v>
      </c>
      <c r="E52" s="65"/>
      <c r="F52" s="65"/>
      <c r="G52" s="65"/>
      <c r="H52" s="65"/>
      <c r="I52" s="64"/>
      <c r="J52" s="28">
        <v>0</v>
      </c>
      <c r="K52" s="63"/>
      <c r="M52" s="27"/>
    </row>
    <row r="53" spans="1:13" ht="22.5" customHeight="1" x14ac:dyDescent="0.15">
      <c r="A53" s="29"/>
      <c r="C53" s="59" t="s">
        <v>114</v>
      </c>
      <c r="D53" s="62"/>
      <c r="E53" s="62"/>
      <c r="F53" s="62"/>
      <c r="G53" s="62"/>
      <c r="H53" s="62"/>
      <c r="I53" s="61"/>
      <c r="J53" s="22">
        <v>-4106747255</v>
      </c>
      <c r="K53" s="60"/>
      <c r="M53" s="27"/>
    </row>
    <row r="54" spans="1:13" ht="22.5" customHeight="1" x14ac:dyDescent="0.15">
      <c r="A54" s="29"/>
      <c r="C54" s="66" t="s">
        <v>113</v>
      </c>
      <c r="D54" s="65"/>
      <c r="E54" s="65"/>
      <c r="F54" s="65"/>
      <c r="G54" s="65"/>
      <c r="H54" s="65"/>
      <c r="I54" s="64"/>
      <c r="J54" s="31">
        <v>1469664</v>
      </c>
      <c r="K54" s="63"/>
      <c r="M54" s="27"/>
    </row>
    <row r="55" spans="1:13" ht="22.5" customHeight="1" x14ac:dyDescent="0.15">
      <c r="A55" s="29"/>
      <c r="C55" s="66"/>
      <c r="D55" s="65" t="s">
        <v>112</v>
      </c>
      <c r="E55" s="65"/>
      <c r="F55" s="65"/>
      <c r="G55" s="65"/>
      <c r="H55" s="65"/>
      <c r="I55" s="64"/>
      <c r="J55" s="28">
        <v>0</v>
      </c>
      <c r="K55" s="63"/>
      <c r="M55" s="27"/>
    </row>
    <row r="56" spans="1:13" ht="22.5" customHeight="1" x14ac:dyDescent="0.15">
      <c r="A56" s="29"/>
      <c r="C56" s="66"/>
      <c r="D56" s="65" t="s">
        <v>111</v>
      </c>
      <c r="E56" s="65"/>
      <c r="F56" s="65"/>
      <c r="G56" s="65"/>
      <c r="H56" s="65"/>
      <c r="I56" s="64"/>
      <c r="J56" s="28">
        <v>0</v>
      </c>
      <c r="K56" s="63"/>
      <c r="M56" s="27"/>
    </row>
    <row r="57" spans="1:13" ht="22.5" customHeight="1" x14ac:dyDescent="0.15">
      <c r="A57" s="29"/>
      <c r="C57" s="66"/>
      <c r="D57" s="65" t="s">
        <v>104</v>
      </c>
      <c r="E57" s="65"/>
      <c r="F57" s="65"/>
      <c r="G57" s="65"/>
      <c r="H57" s="65"/>
      <c r="I57" s="64"/>
      <c r="J57" s="28">
        <v>0</v>
      </c>
      <c r="K57" s="63"/>
      <c r="M57" s="27"/>
    </row>
    <row r="58" spans="1:13" ht="22.5" customHeight="1" x14ac:dyDescent="0.15">
      <c r="A58" s="29"/>
      <c r="C58" s="66"/>
      <c r="D58" s="65" t="s">
        <v>110</v>
      </c>
      <c r="E58" s="65"/>
      <c r="F58" s="65"/>
      <c r="G58" s="65"/>
      <c r="H58" s="65"/>
      <c r="I58" s="64"/>
      <c r="J58" s="28">
        <v>1469664</v>
      </c>
      <c r="K58" s="63"/>
      <c r="M58" s="27"/>
    </row>
    <row r="59" spans="1:13" ht="22.5" customHeight="1" x14ac:dyDescent="0.15">
      <c r="A59" s="29"/>
      <c r="C59" s="66" t="s">
        <v>109</v>
      </c>
      <c r="D59" s="65"/>
      <c r="E59" s="65"/>
      <c r="F59" s="65"/>
      <c r="G59" s="65"/>
      <c r="H59" s="65"/>
      <c r="I59" s="64"/>
      <c r="J59" s="28">
        <v>438948</v>
      </c>
      <c r="K59" s="63"/>
      <c r="M59" s="27"/>
    </row>
    <row r="60" spans="1:13" ht="22.5" customHeight="1" x14ac:dyDescent="0.15">
      <c r="A60" s="29"/>
      <c r="C60" s="66"/>
      <c r="D60" s="65" t="s">
        <v>108</v>
      </c>
      <c r="E60" s="65"/>
      <c r="F60" s="65"/>
      <c r="G60" s="65"/>
      <c r="H60" s="65"/>
      <c r="I60" s="64"/>
      <c r="J60" s="28">
        <v>0</v>
      </c>
      <c r="K60" s="63"/>
      <c r="M60" s="27"/>
    </row>
    <row r="61" spans="1:13" ht="22.5" customHeight="1" x14ac:dyDescent="0.15">
      <c r="A61" s="29"/>
      <c r="C61" s="66"/>
      <c r="D61" s="65" t="s">
        <v>107</v>
      </c>
      <c r="E61" s="65"/>
      <c r="F61" s="65"/>
      <c r="G61" s="65"/>
      <c r="H61" s="65"/>
      <c r="I61" s="64"/>
      <c r="J61" s="28">
        <v>0</v>
      </c>
      <c r="K61" s="63"/>
      <c r="M61" s="27"/>
    </row>
    <row r="62" spans="1:13" ht="22.5" customHeight="1" x14ac:dyDescent="0.15">
      <c r="A62" s="29"/>
      <c r="C62" s="66"/>
      <c r="D62" s="65" t="s">
        <v>106</v>
      </c>
      <c r="E62" s="65"/>
      <c r="F62" s="65"/>
      <c r="G62" s="65"/>
      <c r="H62" s="65"/>
      <c r="I62" s="64"/>
      <c r="J62" s="28">
        <v>0</v>
      </c>
      <c r="K62" s="63"/>
      <c r="M62" s="27"/>
    </row>
    <row r="63" spans="1:13" ht="22.5" customHeight="1" x14ac:dyDescent="0.15">
      <c r="A63" s="29"/>
      <c r="C63" s="66"/>
      <c r="D63" s="65" t="s">
        <v>105</v>
      </c>
      <c r="E63" s="65"/>
      <c r="F63" s="65"/>
      <c r="G63" s="65"/>
      <c r="H63" s="65"/>
      <c r="I63" s="64"/>
      <c r="J63" s="28">
        <v>0</v>
      </c>
      <c r="K63" s="63"/>
      <c r="M63" s="27"/>
    </row>
    <row r="64" spans="1:13" ht="22.5" customHeight="1" x14ac:dyDescent="0.15">
      <c r="A64" s="29"/>
      <c r="C64" s="66"/>
      <c r="D64" s="65" t="s">
        <v>104</v>
      </c>
      <c r="E64" s="65"/>
      <c r="F64" s="65"/>
      <c r="G64" s="65"/>
      <c r="H64" s="65"/>
      <c r="I64" s="64"/>
      <c r="J64" s="28">
        <v>0</v>
      </c>
      <c r="K64" s="63"/>
      <c r="M64" s="27"/>
    </row>
    <row r="65" spans="1:13" ht="22.5" customHeight="1" x14ac:dyDescent="0.15">
      <c r="A65" s="29"/>
      <c r="C65" s="66"/>
      <c r="D65" s="65" t="s">
        <v>103</v>
      </c>
      <c r="E65" s="65"/>
      <c r="F65" s="65"/>
      <c r="G65" s="65"/>
      <c r="H65" s="65"/>
      <c r="I65" s="64"/>
      <c r="J65" s="28">
        <v>438948</v>
      </c>
      <c r="K65" s="63"/>
      <c r="M65" s="27"/>
    </row>
    <row r="66" spans="1:13" ht="22.5" customHeight="1" x14ac:dyDescent="0.15">
      <c r="A66" s="29"/>
      <c r="C66" s="59" t="s">
        <v>102</v>
      </c>
      <c r="D66" s="62"/>
      <c r="E66" s="62"/>
      <c r="F66" s="62"/>
      <c r="G66" s="62"/>
      <c r="H66" s="62"/>
      <c r="I66" s="61"/>
      <c r="J66" s="22">
        <v>1030716</v>
      </c>
      <c r="K66" s="60"/>
      <c r="M66" s="27"/>
    </row>
    <row r="67" spans="1:13" ht="22.5" customHeight="1" x14ac:dyDescent="0.15">
      <c r="A67" s="29"/>
      <c r="B67" s="20"/>
      <c r="C67" s="59" t="s">
        <v>101</v>
      </c>
      <c r="D67" s="62"/>
      <c r="E67" s="62"/>
      <c r="F67" s="62"/>
      <c r="G67" s="62"/>
      <c r="H67" s="62"/>
      <c r="I67" s="61"/>
      <c r="J67" s="22">
        <v>4004466928</v>
      </c>
      <c r="K67" s="60"/>
      <c r="M67" s="27"/>
    </row>
    <row r="68" spans="1:13" ht="22.5" customHeight="1" x14ac:dyDescent="0.15">
      <c r="A68" s="29"/>
      <c r="B68" s="20"/>
      <c r="C68" s="59" t="s">
        <v>100</v>
      </c>
      <c r="D68" s="23"/>
      <c r="E68" s="23"/>
      <c r="F68" s="23"/>
      <c r="G68" s="23"/>
      <c r="H68" s="23"/>
      <c r="I68" s="23"/>
      <c r="J68" s="33">
        <v>13428504</v>
      </c>
      <c r="K68" s="32"/>
      <c r="M68" s="27"/>
    </row>
    <row r="69" spans="1:13" ht="22.5" customHeight="1" x14ac:dyDescent="0.15">
      <c r="A69" s="29"/>
      <c r="B69" s="20"/>
      <c r="C69" s="59" t="s">
        <v>99</v>
      </c>
      <c r="D69" s="23"/>
      <c r="E69" s="23"/>
      <c r="F69" s="23"/>
      <c r="G69" s="23"/>
      <c r="H69" s="23"/>
      <c r="I69" s="23"/>
      <c r="J69" s="22">
        <v>-87821107</v>
      </c>
      <c r="K69" s="21"/>
      <c r="L69" s="28"/>
      <c r="M69" s="27"/>
    </row>
    <row r="70" spans="1:13" ht="22.5" customHeight="1" x14ac:dyDescent="0.15">
      <c r="A70" s="29"/>
      <c r="B70" s="20"/>
      <c r="C70" s="20"/>
      <c r="D70" s="20"/>
      <c r="E70" s="20"/>
      <c r="F70" s="20"/>
      <c r="G70" s="20"/>
      <c r="H70" s="20"/>
      <c r="I70" s="20"/>
      <c r="J70" s="28"/>
      <c r="K70" s="28"/>
      <c r="L70" s="28"/>
      <c r="M70" s="27"/>
    </row>
    <row r="71" spans="1:13" ht="22.5" customHeight="1" x14ac:dyDescent="0.15">
      <c r="A71" s="58"/>
      <c r="B71" s="57"/>
      <c r="C71" s="57"/>
      <c r="D71" s="57"/>
      <c r="E71" s="57"/>
      <c r="F71" s="57"/>
      <c r="G71" s="57"/>
      <c r="H71" s="57"/>
      <c r="I71" s="57"/>
      <c r="J71" s="56"/>
      <c r="K71" s="56"/>
      <c r="L71" s="56"/>
      <c r="M71" s="55"/>
    </row>
    <row r="72" spans="1:13" ht="22.5" customHeight="1" x14ac:dyDescent="0.15">
      <c r="A72" s="20"/>
      <c r="B72" s="20"/>
      <c r="C72" s="20"/>
      <c r="D72" s="20"/>
      <c r="E72" s="20"/>
      <c r="F72" s="20"/>
      <c r="G72" s="20"/>
      <c r="H72" s="20"/>
      <c r="I72" s="20"/>
      <c r="J72" s="31"/>
      <c r="K72" s="31"/>
      <c r="L72" s="31"/>
    </row>
    <row r="73" spans="1:13" ht="22.5" customHeight="1" x14ac:dyDescent="0.15">
      <c r="A73" s="20"/>
      <c r="B73" s="20"/>
      <c r="C73" s="20"/>
      <c r="D73" s="20"/>
      <c r="E73" s="20"/>
      <c r="F73" s="20"/>
      <c r="G73" s="20"/>
      <c r="H73" s="20"/>
      <c r="I73" s="20"/>
      <c r="J73" s="31"/>
      <c r="K73" s="31"/>
      <c r="L73" s="31"/>
    </row>
    <row r="74" spans="1:13" ht="22.5" customHeight="1" x14ac:dyDescent="0.15">
      <c r="A74" s="20"/>
      <c r="B74" s="20"/>
      <c r="C74" s="20"/>
      <c r="D74" s="20"/>
      <c r="E74" s="20"/>
      <c r="F74" s="20"/>
      <c r="G74" s="20"/>
      <c r="H74" s="20"/>
      <c r="I74" s="20"/>
      <c r="J74" s="31"/>
      <c r="K74" s="31"/>
      <c r="L74" s="31"/>
    </row>
    <row r="75" spans="1:13" ht="22.5" customHeight="1" x14ac:dyDescent="0.15">
      <c r="A75" s="20"/>
      <c r="B75" s="20"/>
      <c r="C75" s="20"/>
      <c r="D75" s="20"/>
      <c r="E75" s="20"/>
      <c r="F75" s="20"/>
      <c r="G75" s="20"/>
      <c r="H75" s="20"/>
      <c r="I75" s="20"/>
      <c r="J75" s="31"/>
      <c r="K75" s="31"/>
      <c r="L75" s="31"/>
    </row>
    <row r="76" spans="1:13" ht="22.5" customHeight="1" x14ac:dyDescent="0.15">
      <c r="A76" s="20"/>
      <c r="B76" s="20"/>
      <c r="C76" s="20"/>
      <c r="D76" s="20"/>
      <c r="E76" s="20"/>
      <c r="F76" s="20"/>
      <c r="G76" s="20"/>
      <c r="H76" s="20"/>
      <c r="I76" s="20"/>
      <c r="J76" s="31"/>
      <c r="K76" s="31"/>
      <c r="L76" s="31"/>
    </row>
    <row r="77" spans="1:13" ht="22.5" customHeight="1" x14ac:dyDescent="0.15">
      <c r="A77" s="20"/>
      <c r="B77" s="20"/>
      <c r="C77" s="20"/>
      <c r="D77" s="20"/>
      <c r="E77" s="20"/>
      <c r="F77" s="20"/>
      <c r="G77" s="20"/>
      <c r="H77" s="20"/>
      <c r="I77" s="20"/>
      <c r="J77" s="31"/>
      <c r="K77" s="31"/>
      <c r="L77" s="31"/>
    </row>
    <row r="78" spans="1:13" ht="22.5" customHeight="1" x14ac:dyDescent="0.15">
      <c r="A78" s="20"/>
      <c r="B78" s="20"/>
      <c r="C78" s="20"/>
      <c r="D78" s="20"/>
      <c r="E78" s="20"/>
      <c r="F78" s="20"/>
      <c r="G78" s="20"/>
      <c r="H78" s="20"/>
      <c r="I78" s="20"/>
      <c r="J78" s="31"/>
      <c r="K78" s="31"/>
      <c r="L78" s="31"/>
    </row>
    <row r="79" spans="1:13" ht="22.5" customHeight="1" x14ac:dyDescent="0.15">
      <c r="A79" s="20"/>
      <c r="B79" s="20"/>
      <c r="C79" s="20"/>
      <c r="D79" s="20"/>
      <c r="E79" s="20"/>
      <c r="F79" s="20"/>
      <c r="G79" s="20"/>
      <c r="H79" s="20"/>
      <c r="I79" s="20"/>
      <c r="J79" s="31"/>
      <c r="K79" s="31"/>
      <c r="L79" s="31"/>
    </row>
    <row r="80" spans="1:13" ht="22.5" customHeight="1" x14ac:dyDescent="0.15">
      <c r="A80" s="20"/>
      <c r="B80" s="20"/>
      <c r="C80" s="20"/>
      <c r="D80" s="20"/>
      <c r="E80" s="20"/>
      <c r="F80" s="20"/>
      <c r="G80" s="20"/>
      <c r="H80" s="20"/>
      <c r="I80" s="20"/>
      <c r="J80" s="31"/>
      <c r="K80" s="31"/>
      <c r="L80" s="31"/>
    </row>
    <row r="81" spans="1:12" s="2" customFormat="1" ht="22.5" customHeight="1" x14ac:dyDescent="0.15">
      <c r="A81" s="20"/>
      <c r="B81" s="20"/>
      <c r="C81" s="20"/>
      <c r="D81" s="20"/>
      <c r="E81" s="20"/>
      <c r="F81" s="20"/>
      <c r="G81" s="20"/>
      <c r="H81" s="20"/>
      <c r="I81" s="20"/>
      <c r="J81" s="31"/>
      <c r="K81" s="31"/>
      <c r="L81" s="31"/>
    </row>
    <row r="82" spans="1:12" s="2" customFormat="1" ht="22.5" customHeight="1" x14ac:dyDescent="0.15">
      <c r="A82" s="20"/>
      <c r="B82" s="20"/>
      <c r="C82" s="20"/>
      <c r="D82" s="20"/>
      <c r="E82" s="20"/>
      <c r="F82" s="20"/>
      <c r="G82" s="20"/>
      <c r="H82" s="20"/>
      <c r="I82" s="20"/>
      <c r="J82" s="31"/>
      <c r="K82" s="31"/>
      <c r="L82" s="31"/>
    </row>
    <row r="83" spans="1:12" s="2" customFormat="1" ht="22.5" customHeight="1" x14ac:dyDescent="0.15">
      <c r="A83" s="20"/>
      <c r="B83" s="20"/>
      <c r="C83" s="20"/>
      <c r="D83" s="20"/>
      <c r="E83" s="20"/>
      <c r="F83" s="20"/>
      <c r="G83" s="20"/>
      <c r="H83" s="20"/>
      <c r="I83" s="20"/>
      <c r="J83" s="31"/>
      <c r="K83" s="31"/>
      <c r="L83" s="31"/>
    </row>
    <row r="84" spans="1:12" s="2" customFormat="1" ht="22.5" customHeight="1" x14ac:dyDescent="0.15">
      <c r="A84" s="20"/>
      <c r="B84" s="20"/>
      <c r="C84" s="20"/>
      <c r="D84" s="20"/>
      <c r="E84" s="20"/>
      <c r="F84" s="20"/>
      <c r="G84" s="20"/>
      <c r="H84" s="20"/>
      <c r="I84" s="20"/>
      <c r="J84" s="31"/>
      <c r="K84" s="31"/>
      <c r="L84" s="31"/>
    </row>
    <row r="85" spans="1:12" s="2" customFormat="1" ht="22.5" customHeight="1" x14ac:dyDescent="0.15">
      <c r="A85" s="20"/>
      <c r="B85" s="20"/>
      <c r="C85" s="20"/>
      <c r="D85" s="20"/>
      <c r="E85" s="20"/>
      <c r="F85" s="20"/>
      <c r="G85" s="20"/>
      <c r="H85" s="20"/>
      <c r="I85" s="20"/>
      <c r="J85" s="31"/>
      <c r="K85" s="31"/>
      <c r="L85" s="31"/>
    </row>
    <row r="86" spans="1:12" s="2" customFormat="1" ht="22.5" customHeight="1" x14ac:dyDescent="0.15">
      <c r="A86" s="20"/>
      <c r="B86" s="20"/>
      <c r="C86" s="20"/>
      <c r="D86" s="20"/>
      <c r="E86" s="20"/>
      <c r="F86" s="20"/>
      <c r="G86" s="20"/>
      <c r="H86" s="20"/>
      <c r="I86" s="20"/>
      <c r="J86" s="31"/>
      <c r="K86" s="31"/>
      <c r="L86" s="31"/>
    </row>
    <row r="87" spans="1:12" s="2" customFormat="1" ht="22.5" customHeight="1" x14ac:dyDescent="0.15">
      <c r="A87" s="20"/>
      <c r="B87" s="20"/>
      <c r="C87" s="20"/>
      <c r="D87" s="20"/>
      <c r="E87" s="20"/>
      <c r="F87" s="20"/>
      <c r="G87" s="20"/>
      <c r="H87" s="20"/>
      <c r="I87" s="20"/>
      <c r="J87" s="31"/>
      <c r="K87" s="31"/>
      <c r="L87" s="31"/>
    </row>
    <row r="88" spans="1:12" s="2" customFormat="1" ht="22.5" customHeight="1" x14ac:dyDescent="0.15">
      <c r="A88" s="20"/>
      <c r="B88" s="20"/>
      <c r="C88" s="20"/>
      <c r="D88" s="20"/>
      <c r="E88" s="20"/>
      <c r="F88" s="20"/>
      <c r="G88" s="20"/>
      <c r="H88" s="20"/>
      <c r="I88" s="20"/>
      <c r="J88" s="31"/>
      <c r="K88" s="31"/>
      <c r="L88" s="31"/>
    </row>
    <row r="89" spans="1:12" s="2" customFormat="1" ht="22.5" customHeight="1" x14ac:dyDescent="0.15">
      <c r="A89" s="20"/>
      <c r="B89" s="20"/>
      <c r="C89" s="20"/>
      <c r="D89" s="20"/>
      <c r="E89" s="20"/>
      <c r="F89" s="20"/>
      <c r="G89" s="20"/>
      <c r="H89" s="20"/>
      <c r="I89" s="20"/>
      <c r="J89" s="31"/>
      <c r="K89" s="31"/>
      <c r="L89" s="31"/>
    </row>
    <row r="90" spans="1:12" s="2" customFormat="1" ht="22.5" customHeight="1" x14ac:dyDescent="0.15">
      <c r="A90" s="20"/>
      <c r="B90" s="20"/>
      <c r="C90" s="20"/>
      <c r="D90" s="20"/>
      <c r="E90" s="20"/>
      <c r="F90" s="20"/>
      <c r="G90" s="20"/>
      <c r="H90" s="20"/>
      <c r="I90" s="20"/>
      <c r="J90" s="31"/>
      <c r="K90" s="31"/>
      <c r="L90" s="31"/>
    </row>
    <row r="91" spans="1:12" s="2" customFormat="1" ht="22.5" customHeight="1" x14ac:dyDescent="0.15">
      <c r="A91" s="20"/>
      <c r="B91" s="20"/>
      <c r="C91" s="20"/>
      <c r="D91" s="20"/>
      <c r="E91" s="20"/>
      <c r="F91" s="20"/>
      <c r="G91" s="20"/>
      <c r="H91" s="20"/>
      <c r="I91" s="20"/>
      <c r="J91" s="31"/>
      <c r="K91" s="31"/>
      <c r="L91" s="31"/>
    </row>
    <row r="92" spans="1:12" s="2" customFormat="1" ht="22.5" customHeight="1" x14ac:dyDescent="0.15">
      <c r="A92" s="20"/>
      <c r="B92" s="20"/>
      <c r="C92" s="20"/>
      <c r="D92" s="20"/>
      <c r="E92" s="20"/>
      <c r="F92" s="20"/>
      <c r="G92" s="20"/>
      <c r="H92" s="20"/>
      <c r="I92" s="20"/>
      <c r="J92" s="31"/>
      <c r="K92" s="31"/>
      <c r="L92" s="31"/>
    </row>
    <row r="93" spans="1:12" s="2" customFormat="1" ht="22.5" customHeight="1" x14ac:dyDescent="0.15">
      <c r="A93" s="20"/>
      <c r="B93" s="20"/>
      <c r="C93" s="20"/>
      <c r="D93" s="20"/>
      <c r="E93" s="20"/>
      <c r="F93" s="20"/>
      <c r="G93" s="20"/>
      <c r="H93" s="20"/>
      <c r="I93" s="20"/>
      <c r="J93" s="31"/>
      <c r="K93" s="31"/>
      <c r="L93" s="31"/>
    </row>
    <row r="94" spans="1:12" s="2" customFormat="1" ht="22.5" customHeight="1" x14ac:dyDescent="0.15">
      <c r="A94" s="20"/>
      <c r="B94" s="20"/>
      <c r="C94" s="20"/>
      <c r="D94" s="20"/>
      <c r="E94" s="20"/>
      <c r="F94" s="20"/>
      <c r="G94" s="20"/>
      <c r="H94" s="20"/>
      <c r="I94" s="20"/>
      <c r="J94" s="31"/>
      <c r="K94" s="31"/>
      <c r="L94" s="31"/>
    </row>
    <row r="95" spans="1:12" s="2" customFormat="1" ht="22.5" customHeight="1" x14ac:dyDescent="0.15">
      <c r="A95" s="20"/>
      <c r="B95" s="20"/>
      <c r="C95" s="20"/>
      <c r="D95" s="20"/>
      <c r="E95" s="20"/>
      <c r="F95" s="20"/>
      <c r="G95" s="20"/>
      <c r="H95" s="20"/>
      <c r="I95" s="20"/>
      <c r="J95" s="31"/>
      <c r="K95" s="31"/>
      <c r="L95" s="31"/>
    </row>
    <row r="96" spans="1:12" s="2" customFormat="1" ht="22.5" customHeight="1" x14ac:dyDescent="0.15">
      <c r="A96" s="20"/>
      <c r="B96" s="20"/>
      <c r="C96" s="20"/>
      <c r="D96" s="20"/>
      <c r="E96" s="20"/>
      <c r="F96" s="20"/>
      <c r="G96" s="20"/>
      <c r="H96" s="20"/>
      <c r="I96" s="20"/>
      <c r="J96" s="31"/>
      <c r="K96" s="31"/>
      <c r="L96" s="31"/>
    </row>
    <row r="97" spans="1:12" s="2" customFormat="1" ht="22.5" customHeight="1" x14ac:dyDescent="0.15">
      <c r="A97" s="20"/>
      <c r="B97" s="20"/>
      <c r="C97" s="20"/>
      <c r="D97" s="20"/>
      <c r="E97" s="20"/>
      <c r="F97" s="20"/>
      <c r="G97" s="20"/>
      <c r="H97" s="20"/>
      <c r="I97" s="20"/>
      <c r="J97" s="31"/>
      <c r="K97" s="31"/>
      <c r="L97" s="31"/>
    </row>
    <row r="98" spans="1:12" s="2" customFormat="1" ht="22.5" customHeight="1" x14ac:dyDescent="0.15">
      <c r="A98" s="20"/>
      <c r="B98" s="20"/>
      <c r="C98" s="20"/>
      <c r="D98" s="20"/>
      <c r="E98" s="20"/>
      <c r="F98" s="20"/>
      <c r="G98" s="20"/>
      <c r="H98" s="20"/>
      <c r="I98" s="20"/>
      <c r="J98" s="31"/>
      <c r="K98" s="31"/>
      <c r="L98" s="31"/>
    </row>
    <row r="99" spans="1:12" s="2" customFormat="1" ht="22.5" customHeight="1" x14ac:dyDescent="0.15">
      <c r="A99" s="20"/>
      <c r="B99" s="20"/>
      <c r="C99" s="20"/>
      <c r="D99" s="20"/>
      <c r="E99" s="20"/>
      <c r="F99" s="20"/>
      <c r="G99" s="20"/>
      <c r="H99" s="20"/>
      <c r="I99" s="20"/>
      <c r="J99" s="31"/>
      <c r="K99" s="31"/>
      <c r="L99" s="31"/>
    </row>
    <row r="100" spans="1:12" s="2" customFormat="1" ht="22.5" customHeight="1" x14ac:dyDescent="0.15">
      <c r="A100" s="20"/>
      <c r="B100" s="20"/>
      <c r="C100" s="20"/>
      <c r="D100" s="20"/>
      <c r="E100" s="20"/>
      <c r="F100" s="20"/>
      <c r="G100" s="20"/>
      <c r="H100" s="20"/>
      <c r="I100" s="20"/>
      <c r="J100" s="31"/>
      <c r="K100" s="31"/>
      <c r="L100" s="31"/>
    </row>
    <row r="101" spans="1:12" s="2" customFormat="1" ht="22.5" customHeight="1" x14ac:dyDescent="0.15">
      <c r="J101" s="54"/>
      <c r="K101" s="54"/>
      <c r="L101" s="54"/>
    </row>
    <row r="102" spans="1:12" s="2" customFormat="1" ht="22.5" customHeight="1" x14ac:dyDescent="0.15">
      <c r="J102" s="54"/>
      <c r="K102" s="54"/>
      <c r="L102" s="54"/>
    </row>
    <row r="103" spans="1:12" s="2" customFormat="1" ht="22.5" customHeight="1" x14ac:dyDescent="0.15">
      <c r="J103" s="54"/>
      <c r="K103" s="54"/>
      <c r="L103" s="54"/>
    </row>
    <row r="104" spans="1:12" s="2" customFormat="1" ht="22.5" customHeight="1" x14ac:dyDescent="0.15">
      <c r="J104" s="54"/>
      <c r="K104" s="54"/>
      <c r="L104" s="54"/>
    </row>
    <row r="105" spans="1:12" s="2" customFormat="1" ht="22.5" customHeight="1" x14ac:dyDescent="0.15">
      <c r="J105" s="54"/>
      <c r="K105" s="54"/>
      <c r="L105" s="54"/>
    </row>
    <row r="106" spans="1:12" s="2" customFormat="1" ht="22.5" customHeight="1" x14ac:dyDescent="0.15">
      <c r="J106" s="54"/>
      <c r="K106" s="54"/>
      <c r="L106" s="54"/>
    </row>
    <row r="107" spans="1:12" s="2" customFormat="1" ht="22.5" customHeight="1" x14ac:dyDescent="0.15">
      <c r="J107" s="54"/>
      <c r="K107" s="54"/>
      <c r="L107" s="54"/>
    </row>
    <row r="108" spans="1:12" s="2" customFormat="1" ht="22.5" customHeight="1" x14ac:dyDescent="0.15">
      <c r="J108" s="54"/>
      <c r="K108" s="54"/>
      <c r="L108" s="54"/>
    </row>
    <row r="109" spans="1:12" s="2" customFormat="1" ht="22.5" customHeight="1" x14ac:dyDescent="0.15">
      <c r="J109" s="54"/>
      <c r="K109" s="54"/>
      <c r="L109" s="54"/>
    </row>
    <row r="110" spans="1:12" s="2" customFormat="1" ht="22.5" customHeight="1" x14ac:dyDescent="0.15">
      <c r="J110" s="54"/>
      <c r="K110" s="54"/>
      <c r="L110" s="54"/>
    </row>
    <row r="111" spans="1:12" s="2" customFormat="1" ht="22.5" customHeight="1" x14ac:dyDescent="0.15">
      <c r="J111" s="54"/>
      <c r="K111" s="54"/>
      <c r="L111" s="54"/>
    </row>
    <row r="112" spans="1:12" s="2" customFormat="1" ht="22.5" customHeight="1" x14ac:dyDescent="0.15">
      <c r="J112" s="54"/>
      <c r="K112" s="54"/>
      <c r="L112" s="54"/>
    </row>
    <row r="113" spans="10:12" s="2" customFormat="1" ht="22.5" customHeight="1" x14ac:dyDescent="0.15">
      <c r="J113" s="54"/>
      <c r="K113" s="54"/>
      <c r="L113" s="54"/>
    </row>
    <row r="114" spans="10:12" s="2" customFormat="1" ht="22.5" customHeight="1" x14ac:dyDescent="0.15">
      <c r="J114" s="54"/>
      <c r="K114" s="54"/>
      <c r="L114" s="54"/>
    </row>
    <row r="115" spans="10:12" s="2" customFormat="1" ht="22.5" customHeight="1" x14ac:dyDescent="0.15">
      <c r="J115" s="54"/>
      <c r="K115" s="54"/>
      <c r="L115" s="54"/>
    </row>
    <row r="116" spans="10:12" s="2" customFormat="1" ht="22.5" customHeight="1" x14ac:dyDescent="0.15">
      <c r="J116" s="54"/>
      <c r="K116" s="54"/>
      <c r="L116" s="54"/>
    </row>
    <row r="117" spans="10:12" s="2" customFormat="1" ht="22.5" customHeight="1" x14ac:dyDescent="0.15">
      <c r="J117" s="54"/>
      <c r="K117" s="54"/>
      <c r="L117" s="54"/>
    </row>
    <row r="118" spans="10:12" s="2" customFormat="1" ht="22.5" customHeight="1" x14ac:dyDescent="0.15">
      <c r="J118" s="54"/>
      <c r="K118" s="54"/>
      <c r="L118" s="54"/>
    </row>
    <row r="119" spans="10:12" s="2" customFormat="1" ht="22.5" customHeight="1" x14ac:dyDescent="0.15">
      <c r="J119" s="54"/>
      <c r="K119" s="54"/>
      <c r="L119" s="54"/>
    </row>
    <row r="120" spans="10:12" s="2" customFormat="1" ht="22.5" customHeight="1" x14ac:dyDescent="0.15">
      <c r="J120" s="54"/>
      <c r="K120" s="54"/>
      <c r="L120" s="54"/>
    </row>
    <row r="121" spans="10:12" s="2" customFormat="1" ht="22.5" customHeight="1" x14ac:dyDescent="0.15">
      <c r="J121" s="54"/>
      <c r="K121" s="54"/>
      <c r="L121" s="54"/>
    </row>
    <row r="122" spans="10:12" s="2" customFormat="1" ht="22.5" customHeight="1" x14ac:dyDescent="0.15">
      <c r="J122" s="54"/>
      <c r="K122" s="54"/>
      <c r="L122" s="54"/>
    </row>
    <row r="123" spans="10:12" s="2" customFormat="1" ht="22.5" customHeight="1" x14ac:dyDescent="0.15">
      <c r="J123" s="54"/>
      <c r="K123" s="54"/>
      <c r="L123" s="54"/>
    </row>
    <row r="124" spans="10:12" s="2" customFormat="1" ht="22.5" customHeight="1" x14ac:dyDescent="0.15">
      <c r="J124" s="54"/>
      <c r="K124" s="54"/>
      <c r="L124" s="54"/>
    </row>
    <row r="125" spans="10:12" s="2" customFormat="1" ht="22.5" customHeight="1" x14ac:dyDescent="0.15">
      <c r="J125" s="54"/>
      <c r="K125" s="54"/>
      <c r="L125" s="54"/>
    </row>
    <row r="126" spans="10:12" s="2" customFormat="1" ht="22.5" customHeight="1" x14ac:dyDescent="0.15">
      <c r="J126" s="54"/>
      <c r="K126" s="54"/>
      <c r="L126" s="54"/>
    </row>
    <row r="127" spans="10:12" s="2" customFormat="1" ht="22.5" customHeight="1" x14ac:dyDescent="0.15">
      <c r="J127" s="54"/>
      <c r="K127" s="54"/>
      <c r="L127" s="54"/>
    </row>
    <row r="128" spans="10:12" s="2" customFormat="1" ht="22.5" customHeight="1" x14ac:dyDescent="0.15">
      <c r="J128" s="54"/>
      <c r="K128" s="54"/>
      <c r="L128" s="54"/>
    </row>
    <row r="129" spans="10:12" s="2" customFormat="1" ht="22.5" customHeight="1" x14ac:dyDescent="0.15">
      <c r="J129" s="54"/>
      <c r="K129" s="54"/>
      <c r="L129" s="54"/>
    </row>
    <row r="130" spans="10:12" s="2" customFormat="1" ht="22.5" customHeight="1" x14ac:dyDescent="0.15">
      <c r="J130" s="54"/>
      <c r="K130" s="54"/>
      <c r="L130" s="54"/>
    </row>
    <row r="131" spans="10:12" s="2" customFormat="1" ht="22.5" customHeight="1" x14ac:dyDescent="0.15">
      <c r="J131" s="54"/>
      <c r="K131" s="54"/>
      <c r="L131" s="54"/>
    </row>
    <row r="132" spans="10:12" s="2" customFormat="1" ht="22.5" customHeight="1" x14ac:dyDescent="0.15">
      <c r="J132" s="54"/>
      <c r="K132" s="54"/>
      <c r="L132" s="54"/>
    </row>
    <row r="133" spans="10:12" s="2" customFormat="1" ht="22.5" customHeight="1" x14ac:dyDescent="0.15">
      <c r="J133" s="54"/>
      <c r="K133" s="54"/>
      <c r="L133" s="54"/>
    </row>
    <row r="134" spans="10:12" s="2" customFormat="1" ht="22.5" customHeight="1" x14ac:dyDescent="0.15">
      <c r="J134" s="54"/>
      <c r="K134" s="54"/>
      <c r="L134" s="54"/>
    </row>
    <row r="135" spans="10:12" s="2" customFormat="1" ht="22.5" customHeight="1" x14ac:dyDescent="0.15">
      <c r="J135" s="54"/>
      <c r="K135" s="54"/>
      <c r="L135" s="54"/>
    </row>
    <row r="136" spans="10:12" s="2" customFormat="1" ht="22.5" customHeight="1" x14ac:dyDescent="0.15">
      <c r="J136" s="54"/>
      <c r="K136" s="54"/>
      <c r="L136" s="54"/>
    </row>
    <row r="137" spans="10:12" s="2" customFormat="1" ht="22.5" customHeight="1" x14ac:dyDescent="0.15">
      <c r="J137" s="54"/>
      <c r="K137" s="54"/>
      <c r="L137" s="54"/>
    </row>
    <row r="138" spans="10:12" s="2" customFormat="1" ht="22.5" customHeight="1" x14ac:dyDescent="0.15">
      <c r="J138" s="54"/>
      <c r="K138" s="54"/>
      <c r="L138" s="54"/>
    </row>
    <row r="139" spans="10:12" s="2" customFormat="1" ht="22.5" customHeight="1" x14ac:dyDescent="0.15">
      <c r="J139" s="54"/>
      <c r="K139" s="54"/>
      <c r="L139" s="54"/>
    </row>
    <row r="140" spans="10:12" s="2" customFormat="1" ht="22.5" customHeight="1" x14ac:dyDescent="0.15">
      <c r="J140" s="54"/>
      <c r="K140" s="54"/>
      <c r="L140" s="54"/>
    </row>
    <row r="141" spans="10:12" s="2" customFormat="1" ht="22.5" customHeight="1" x14ac:dyDescent="0.15">
      <c r="J141" s="54"/>
      <c r="K141" s="54"/>
      <c r="L141" s="54"/>
    </row>
    <row r="142" spans="10:12" s="2" customFormat="1" ht="22.5" customHeight="1" x14ac:dyDescent="0.15">
      <c r="J142" s="54"/>
      <c r="K142" s="54"/>
      <c r="L142" s="54"/>
    </row>
    <row r="143" spans="10:12" s="2" customFormat="1" ht="22.5" customHeight="1" x14ac:dyDescent="0.15">
      <c r="J143" s="54"/>
      <c r="K143" s="54"/>
      <c r="L143" s="54"/>
    </row>
    <row r="144" spans="10:12" s="2" customFormat="1" ht="22.5" customHeight="1" x14ac:dyDescent="0.15">
      <c r="J144" s="54"/>
      <c r="K144" s="54"/>
      <c r="L144" s="54"/>
    </row>
    <row r="145" spans="10:12" s="2" customFormat="1" ht="22.5" customHeight="1" x14ac:dyDescent="0.15">
      <c r="J145" s="54"/>
      <c r="K145" s="54"/>
      <c r="L145" s="54"/>
    </row>
    <row r="146" spans="10:12" s="2" customFormat="1" ht="22.5" customHeight="1" x14ac:dyDescent="0.15">
      <c r="J146" s="54"/>
      <c r="K146" s="54"/>
      <c r="L146" s="54"/>
    </row>
    <row r="147" spans="10:12" s="2" customFormat="1" ht="22.5" customHeight="1" x14ac:dyDescent="0.15">
      <c r="J147" s="54"/>
      <c r="K147" s="54"/>
      <c r="L147" s="54"/>
    </row>
    <row r="148" spans="10:12" s="2" customFormat="1" ht="22.5" customHeight="1" x14ac:dyDescent="0.15">
      <c r="J148" s="54"/>
      <c r="K148" s="54"/>
      <c r="L148" s="54"/>
    </row>
    <row r="149" spans="10:12" s="2" customFormat="1" ht="22.5" customHeight="1" x14ac:dyDescent="0.15">
      <c r="J149" s="54"/>
      <c r="K149" s="54"/>
      <c r="L149" s="54"/>
    </row>
    <row r="150" spans="10:12" s="2" customFormat="1" ht="22.5" customHeight="1" x14ac:dyDescent="0.15">
      <c r="J150" s="54"/>
      <c r="K150" s="54"/>
      <c r="L150" s="54"/>
    </row>
    <row r="151" spans="10:12" s="2" customFormat="1" ht="22.5" customHeight="1" x14ac:dyDescent="0.15">
      <c r="J151" s="54"/>
      <c r="K151" s="54"/>
      <c r="L151" s="54"/>
    </row>
    <row r="152" spans="10:12" s="2" customFormat="1" ht="22.5" customHeight="1" x14ac:dyDescent="0.15">
      <c r="J152" s="54"/>
      <c r="K152" s="54"/>
      <c r="L152" s="54"/>
    </row>
    <row r="153" spans="10:12" s="2" customFormat="1" ht="22.5" customHeight="1" x14ac:dyDescent="0.15">
      <c r="J153" s="54"/>
      <c r="K153" s="54"/>
      <c r="L153" s="54"/>
    </row>
    <row r="154" spans="10:12" s="2" customFormat="1" ht="22.5" customHeight="1" x14ac:dyDescent="0.15">
      <c r="J154" s="54"/>
      <c r="K154" s="54"/>
      <c r="L154" s="54"/>
    </row>
    <row r="155" spans="10:12" s="2" customFormat="1" ht="22.5" customHeight="1" x14ac:dyDescent="0.15">
      <c r="J155" s="54"/>
      <c r="K155" s="54"/>
      <c r="L155" s="54"/>
    </row>
    <row r="156" spans="10:12" s="2" customFormat="1" ht="22.5" customHeight="1" x14ac:dyDescent="0.15">
      <c r="J156" s="54"/>
      <c r="K156" s="54"/>
      <c r="L156" s="54"/>
    </row>
    <row r="157" spans="10:12" s="2" customFormat="1" ht="22.5" customHeight="1" x14ac:dyDescent="0.15">
      <c r="J157" s="54"/>
      <c r="K157" s="54"/>
      <c r="L157" s="54"/>
    </row>
    <row r="158" spans="10:12" s="2" customFormat="1" ht="22.5" customHeight="1" x14ac:dyDescent="0.15">
      <c r="J158" s="54"/>
      <c r="K158" s="54"/>
      <c r="L158" s="54"/>
    </row>
    <row r="159" spans="10:12" s="2" customFormat="1" ht="22.5" customHeight="1" x14ac:dyDescent="0.15">
      <c r="J159" s="54"/>
      <c r="K159" s="54"/>
      <c r="L159" s="54"/>
    </row>
    <row r="160" spans="10:12" s="2" customFormat="1" ht="22.5" customHeight="1" x14ac:dyDescent="0.15">
      <c r="J160" s="54"/>
      <c r="K160" s="54"/>
      <c r="L160" s="54"/>
    </row>
    <row r="161" spans="10:12" s="2" customFormat="1" ht="22.5" customHeight="1" x14ac:dyDescent="0.15">
      <c r="J161" s="54"/>
      <c r="K161" s="54"/>
      <c r="L161" s="54"/>
    </row>
    <row r="162" spans="10:12" s="2" customFormat="1" ht="22.5" customHeight="1" x14ac:dyDescent="0.15">
      <c r="J162" s="54"/>
      <c r="K162" s="54"/>
      <c r="L162" s="54"/>
    </row>
    <row r="163" spans="10:12" s="2" customFormat="1" ht="22.5" customHeight="1" x14ac:dyDescent="0.15">
      <c r="J163" s="54"/>
      <c r="K163" s="54"/>
      <c r="L163" s="54"/>
    </row>
    <row r="164" spans="10:12" s="2" customFormat="1" ht="22.5" customHeight="1" x14ac:dyDescent="0.15">
      <c r="J164" s="54"/>
      <c r="K164" s="54"/>
      <c r="L164" s="54"/>
    </row>
    <row r="165" spans="10:12" s="2" customFormat="1" ht="22.5" customHeight="1" x14ac:dyDescent="0.15">
      <c r="J165" s="54"/>
      <c r="K165" s="54"/>
      <c r="L165" s="54"/>
    </row>
    <row r="166" spans="10:12" s="2" customFormat="1" ht="22.5" customHeight="1" x14ac:dyDescent="0.15">
      <c r="J166" s="54"/>
      <c r="K166" s="54"/>
      <c r="L166" s="54"/>
    </row>
    <row r="167" spans="10:12" s="2" customFormat="1" ht="22.5" customHeight="1" x14ac:dyDescent="0.15">
      <c r="J167" s="54"/>
      <c r="K167" s="54"/>
      <c r="L167" s="54"/>
    </row>
    <row r="168" spans="10:12" s="2" customFormat="1" ht="22.5" customHeight="1" x14ac:dyDescent="0.15">
      <c r="J168" s="54"/>
      <c r="K168" s="54"/>
      <c r="L168" s="54"/>
    </row>
    <row r="169" spans="10:12" s="2" customFormat="1" ht="22.5" customHeight="1" x14ac:dyDescent="0.15">
      <c r="J169" s="54"/>
      <c r="K169" s="54"/>
      <c r="L169" s="54"/>
    </row>
    <row r="170" spans="10:12" s="2" customFormat="1" ht="22.5" customHeight="1" x14ac:dyDescent="0.15">
      <c r="J170" s="54"/>
      <c r="K170" s="54"/>
      <c r="L170" s="54"/>
    </row>
    <row r="171" spans="10:12" s="2" customFormat="1" ht="22.5" customHeight="1" x14ac:dyDescent="0.15">
      <c r="J171" s="54"/>
      <c r="K171" s="54"/>
      <c r="L171" s="54"/>
    </row>
    <row r="172" spans="10:12" s="2" customFormat="1" ht="22.5" customHeight="1" x14ac:dyDescent="0.15">
      <c r="J172" s="54"/>
      <c r="K172" s="54"/>
      <c r="L172" s="54"/>
    </row>
    <row r="173" spans="10:12" s="2" customFormat="1" ht="22.5" customHeight="1" x14ac:dyDescent="0.15">
      <c r="J173" s="54"/>
      <c r="K173" s="54"/>
      <c r="L173" s="54"/>
    </row>
    <row r="174" spans="10:12" s="2" customFormat="1" ht="22.5" customHeight="1" x14ac:dyDescent="0.15">
      <c r="J174" s="54"/>
      <c r="K174" s="54"/>
      <c r="L174" s="54"/>
    </row>
    <row r="175" spans="10:12" s="2" customFormat="1" ht="22.5" customHeight="1" x14ac:dyDescent="0.15">
      <c r="J175" s="54"/>
      <c r="K175" s="54"/>
      <c r="L175" s="54"/>
    </row>
    <row r="176" spans="10:12" s="2" customFormat="1" ht="22.5" customHeight="1" x14ac:dyDescent="0.15">
      <c r="J176" s="54"/>
      <c r="K176" s="54"/>
      <c r="L176" s="54"/>
    </row>
    <row r="177" spans="10:12" s="2" customFormat="1" ht="22.5" customHeight="1" x14ac:dyDescent="0.15">
      <c r="J177" s="54"/>
      <c r="K177" s="54"/>
      <c r="L177" s="54"/>
    </row>
    <row r="178" spans="10:12" s="2" customFormat="1" ht="22.5" customHeight="1" x14ac:dyDescent="0.15">
      <c r="J178" s="54"/>
      <c r="K178" s="54"/>
      <c r="L178" s="54"/>
    </row>
    <row r="179" spans="10:12" s="2" customFormat="1" ht="22.5" customHeight="1" x14ac:dyDescent="0.15">
      <c r="J179" s="54"/>
      <c r="K179" s="54"/>
      <c r="L179" s="54"/>
    </row>
    <row r="180" spans="10:12" s="2" customFormat="1" ht="22.5" customHeight="1" x14ac:dyDescent="0.15">
      <c r="J180" s="54"/>
      <c r="K180" s="54"/>
      <c r="L180" s="54"/>
    </row>
    <row r="181" spans="10:12" s="2" customFormat="1" ht="22.5" customHeight="1" x14ac:dyDescent="0.15">
      <c r="J181" s="54"/>
      <c r="K181" s="54"/>
      <c r="L181" s="54"/>
    </row>
    <row r="182" spans="10:12" s="2" customFormat="1" ht="22.5" customHeight="1" x14ac:dyDescent="0.15">
      <c r="J182" s="54"/>
      <c r="K182" s="54"/>
      <c r="L182" s="54"/>
    </row>
    <row r="183" spans="10:12" s="2" customFormat="1" ht="22.5" customHeight="1" x14ac:dyDescent="0.15">
      <c r="J183" s="54"/>
      <c r="K183" s="54"/>
      <c r="L183" s="54"/>
    </row>
    <row r="184" spans="10:12" s="2" customFormat="1" ht="22.5" customHeight="1" x14ac:dyDescent="0.15">
      <c r="J184" s="54"/>
      <c r="K184" s="54"/>
      <c r="L184" s="54"/>
    </row>
    <row r="185" spans="10:12" s="2" customFormat="1" ht="22.5" customHeight="1" x14ac:dyDescent="0.15">
      <c r="J185" s="54"/>
      <c r="K185" s="54"/>
      <c r="L185" s="54"/>
    </row>
    <row r="186" spans="10:12" s="2" customFormat="1" ht="22.5" customHeight="1" x14ac:dyDescent="0.15">
      <c r="J186" s="54"/>
      <c r="K186" s="54"/>
      <c r="L186" s="54"/>
    </row>
    <row r="187" spans="10:12" s="2" customFormat="1" ht="22.5" customHeight="1" x14ac:dyDescent="0.15">
      <c r="J187" s="54"/>
      <c r="K187" s="54"/>
      <c r="L187" s="54"/>
    </row>
    <row r="188" spans="10:12" s="2" customFormat="1" ht="22.5" customHeight="1" x14ac:dyDescent="0.15">
      <c r="J188" s="54"/>
      <c r="K188" s="54"/>
      <c r="L188" s="54"/>
    </row>
    <row r="189" spans="10:12" s="2" customFormat="1" ht="22.5" customHeight="1" x14ac:dyDescent="0.15">
      <c r="J189" s="54"/>
      <c r="K189" s="54"/>
      <c r="L189" s="54"/>
    </row>
    <row r="190" spans="10:12" s="2" customFormat="1" ht="22.5" customHeight="1" x14ac:dyDescent="0.15">
      <c r="J190" s="54"/>
      <c r="K190" s="54"/>
      <c r="L190" s="54"/>
    </row>
    <row r="191" spans="10:12" s="2" customFormat="1" ht="22.5" customHeight="1" x14ac:dyDescent="0.15">
      <c r="J191" s="54"/>
      <c r="K191" s="54"/>
      <c r="L191" s="54"/>
    </row>
    <row r="192" spans="10:12" s="2" customFormat="1" ht="22.5" customHeight="1" x14ac:dyDescent="0.15">
      <c r="J192" s="54"/>
      <c r="K192" s="54"/>
      <c r="L192" s="54"/>
    </row>
  </sheetData>
  <sheetProtection selectLockedCells="1" selectUnlockedCells="1"/>
  <mergeCells count="3">
    <mergeCell ref="B6:L6"/>
    <mergeCell ref="B7:L7"/>
    <mergeCell ref="B16:D16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60" orientation="portrait" blackAndWhite="1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71"/>
  <sheetViews>
    <sheetView showGridLines="0" zoomScale="60" zoomScaleNormal="60" zoomScaleSheetLayoutView="50" workbookViewId="0"/>
  </sheetViews>
  <sheetFormatPr defaultColWidth="8.875" defaultRowHeight="22.5" customHeight="1" x14ac:dyDescent="0.15"/>
  <cols>
    <col min="1" max="1" width="7.5" style="79" customWidth="1"/>
    <col min="2" max="2" width="7.625" style="79" customWidth="1"/>
    <col min="3" max="8" width="3.5" style="79" customWidth="1"/>
    <col min="9" max="9" width="8.75" style="79" customWidth="1"/>
    <col min="10" max="12" width="34.625" style="79" customWidth="1"/>
    <col min="13" max="13" width="7.625" style="79" customWidth="1"/>
    <col min="14" max="14" width="7.5" style="79" customWidth="1"/>
    <col min="15" max="16384" width="8.875" style="11"/>
  </cols>
  <sheetData>
    <row r="1" spans="1:14" ht="22.5" customHeight="1" x14ac:dyDescent="0.15">
      <c r="B1" s="97" t="s">
        <v>98</v>
      </c>
      <c r="C1" s="11"/>
    </row>
    <row r="2" spans="1:14" ht="22.5" customHeight="1" x14ac:dyDescent="0.15">
      <c r="B2" s="97" t="s">
        <v>97</v>
      </c>
      <c r="C2" s="11"/>
    </row>
    <row r="3" spans="1:14" ht="22.5" customHeight="1" x14ac:dyDescent="0.15">
      <c r="B3" s="97" t="s">
        <v>96</v>
      </c>
      <c r="C3" s="11"/>
    </row>
    <row r="4" spans="1:14" ht="22.5" customHeight="1" x14ac:dyDescent="0.15">
      <c r="A4" s="96"/>
      <c r="B4" s="95"/>
      <c r="C4" s="95"/>
      <c r="D4" s="95"/>
      <c r="E4" s="95"/>
      <c r="F4" s="95"/>
      <c r="G4" s="95"/>
      <c r="H4" s="95"/>
      <c r="I4" s="95"/>
      <c r="J4" s="95"/>
      <c r="K4" s="95"/>
      <c r="L4" s="95"/>
      <c r="M4" s="95"/>
      <c r="N4" s="94"/>
    </row>
    <row r="5" spans="1:14" ht="22.5" customHeight="1" x14ac:dyDescent="0.15">
      <c r="A5" s="85"/>
      <c r="B5" s="80"/>
      <c r="C5" s="93"/>
      <c r="D5" s="92"/>
      <c r="E5" s="92"/>
      <c r="F5" s="92"/>
      <c r="G5" s="92"/>
      <c r="H5" s="92"/>
      <c r="I5" s="92"/>
      <c r="J5" s="92"/>
      <c r="K5" s="92"/>
      <c r="L5" s="92"/>
      <c r="M5" s="80"/>
      <c r="N5" s="84"/>
    </row>
    <row r="6" spans="1:14" ht="28.5" x14ac:dyDescent="0.15">
      <c r="A6" s="85"/>
      <c r="B6" s="154" t="s">
        <v>167</v>
      </c>
      <c r="C6" s="155"/>
      <c r="D6" s="155"/>
      <c r="E6" s="155"/>
      <c r="F6" s="155"/>
      <c r="G6" s="155"/>
      <c r="H6" s="155"/>
      <c r="I6" s="155"/>
      <c r="J6" s="155"/>
      <c r="K6" s="155"/>
      <c r="L6" s="155"/>
      <c r="M6" s="155"/>
      <c r="N6" s="84"/>
    </row>
    <row r="7" spans="1:14" ht="22.5" customHeight="1" x14ac:dyDescent="0.15">
      <c r="A7" s="85"/>
      <c r="B7" s="156" t="s">
        <v>151</v>
      </c>
      <c r="C7" s="155"/>
      <c r="D7" s="155"/>
      <c r="E7" s="155"/>
      <c r="F7" s="155"/>
      <c r="G7" s="155"/>
      <c r="H7" s="155"/>
      <c r="I7" s="155"/>
      <c r="J7" s="155"/>
      <c r="K7" s="155"/>
      <c r="L7" s="155"/>
      <c r="M7" s="155"/>
      <c r="N7" s="84"/>
    </row>
    <row r="8" spans="1:14" ht="22.5" hidden="1" customHeight="1" x14ac:dyDescent="0.15">
      <c r="A8" s="85"/>
      <c r="B8" s="80"/>
      <c r="C8" s="157" t="s">
        <v>166</v>
      </c>
      <c r="D8" s="157"/>
      <c r="E8" s="157"/>
      <c r="F8" s="90" t="s">
        <v>165</v>
      </c>
      <c r="G8" s="80"/>
      <c r="H8" s="90"/>
      <c r="I8" s="80"/>
      <c r="J8" s="80"/>
      <c r="K8" s="80"/>
      <c r="L8" s="91" t="s">
        <v>164</v>
      </c>
      <c r="M8" s="80"/>
      <c r="N8" s="84"/>
    </row>
    <row r="9" spans="1:14" ht="22.5" hidden="1" customHeight="1" x14ac:dyDescent="0.15">
      <c r="A9" s="85"/>
      <c r="B9" s="80"/>
      <c r="C9" s="157" t="s">
        <v>163</v>
      </c>
      <c r="D9" s="157"/>
      <c r="E9" s="157"/>
      <c r="F9" s="90" t="s">
        <v>162</v>
      </c>
      <c r="G9" s="80"/>
      <c r="H9" s="90"/>
      <c r="I9" s="80"/>
      <c r="J9" s="80"/>
      <c r="K9" s="80"/>
      <c r="L9" s="80"/>
      <c r="M9" s="80"/>
      <c r="N9" s="84"/>
    </row>
    <row r="10" spans="1:14" ht="22.5" hidden="1" customHeight="1" x14ac:dyDescent="0.15">
      <c r="A10" s="85"/>
      <c r="B10" s="80"/>
      <c r="C10" s="80"/>
      <c r="D10" s="80"/>
      <c r="E10" s="80"/>
      <c r="F10" s="80"/>
      <c r="G10" s="80"/>
      <c r="H10" s="80"/>
      <c r="I10" s="80"/>
      <c r="J10" s="80"/>
      <c r="K10" s="80"/>
      <c r="L10" s="80"/>
      <c r="M10" s="80"/>
      <c r="N10" s="84"/>
    </row>
    <row r="11" spans="1:14" ht="22.5" hidden="1" customHeight="1" x14ac:dyDescent="0.15">
      <c r="A11" s="85"/>
      <c r="B11" s="80"/>
      <c r="C11" s="157" t="s">
        <v>161</v>
      </c>
      <c r="D11" s="157"/>
      <c r="E11" s="157"/>
      <c r="F11" s="158" t="s">
        <v>160</v>
      </c>
      <c r="G11" s="157"/>
      <c r="H11" s="157"/>
      <c r="I11" s="89" t="s">
        <v>98</v>
      </c>
      <c r="J11" s="80"/>
      <c r="K11" s="80"/>
      <c r="L11" s="80"/>
      <c r="M11" s="80"/>
      <c r="N11" s="84"/>
    </row>
    <row r="12" spans="1:14" ht="22.5" hidden="1" customHeight="1" x14ac:dyDescent="0.15">
      <c r="A12" s="85"/>
      <c r="B12" s="80"/>
      <c r="C12" s="157"/>
      <c r="D12" s="157"/>
      <c r="E12" s="157"/>
      <c r="F12" s="158"/>
      <c r="G12" s="157"/>
      <c r="H12" s="157"/>
      <c r="I12" s="89"/>
      <c r="J12" s="80"/>
      <c r="K12" s="80"/>
      <c r="L12" s="80"/>
      <c r="M12" s="80"/>
      <c r="N12" s="84"/>
    </row>
    <row r="13" spans="1:14" ht="22.5" hidden="1" customHeight="1" x14ac:dyDescent="0.15">
      <c r="A13" s="85"/>
      <c r="B13" s="80"/>
      <c r="C13" s="157"/>
      <c r="D13" s="157"/>
      <c r="E13" s="157"/>
      <c r="F13" s="158"/>
      <c r="G13" s="157"/>
      <c r="H13" s="157"/>
      <c r="I13" s="89"/>
      <c r="J13" s="80"/>
      <c r="K13" s="80"/>
      <c r="L13" s="80"/>
      <c r="M13" s="80"/>
      <c r="N13" s="84"/>
    </row>
    <row r="14" spans="1:14" ht="22.5" hidden="1" customHeight="1" x14ac:dyDescent="0.15">
      <c r="A14" s="85"/>
      <c r="B14" s="80"/>
      <c r="C14" s="157"/>
      <c r="D14" s="157"/>
      <c r="E14" s="157"/>
      <c r="F14" s="158"/>
      <c r="G14" s="157"/>
      <c r="H14" s="157"/>
      <c r="I14" s="80"/>
      <c r="J14" s="80"/>
      <c r="K14" s="80"/>
      <c r="L14" s="80"/>
      <c r="M14" s="80"/>
      <c r="N14" s="84"/>
    </row>
    <row r="15" spans="1:14" ht="18.75" hidden="1" x14ac:dyDescent="0.15">
      <c r="A15" s="29"/>
      <c r="B15" s="20"/>
      <c r="C15" s="162"/>
      <c r="D15" s="162"/>
      <c r="E15" s="162"/>
      <c r="F15" s="163"/>
      <c r="G15" s="162"/>
      <c r="H15" s="162"/>
      <c r="I15" s="88"/>
      <c r="J15" s="20"/>
      <c r="K15" s="20"/>
      <c r="L15" s="20"/>
      <c r="M15" s="20"/>
      <c r="N15" s="27"/>
    </row>
    <row r="16" spans="1:14" ht="22.5" hidden="1" customHeight="1" x14ac:dyDescent="0.15">
      <c r="A16" s="29"/>
      <c r="B16" s="20"/>
      <c r="C16" s="162"/>
      <c r="D16" s="162"/>
      <c r="E16" s="162"/>
      <c r="F16" s="163"/>
      <c r="G16" s="162"/>
      <c r="H16" s="162"/>
      <c r="I16" s="88"/>
      <c r="J16" s="20"/>
      <c r="K16" s="20"/>
      <c r="L16" s="20"/>
      <c r="M16" s="20"/>
      <c r="N16" s="27"/>
    </row>
    <row r="17" spans="1:14" ht="22.5" customHeight="1" x14ac:dyDescent="0.15">
      <c r="A17" s="29"/>
      <c r="B17" s="20"/>
      <c r="C17" s="160"/>
      <c r="D17" s="160"/>
      <c r="E17" s="160"/>
      <c r="F17" s="159" t="s">
        <v>93</v>
      </c>
      <c r="G17" s="160"/>
      <c r="H17" s="160"/>
      <c r="I17" s="88"/>
      <c r="J17" s="20"/>
      <c r="K17" s="20"/>
      <c r="L17" s="20"/>
      <c r="M17" s="20"/>
      <c r="N17" s="27"/>
    </row>
    <row r="18" spans="1:14" ht="22.5" customHeight="1" x14ac:dyDescent="0.15">
      <c r="A18" s="29"/>
      <c r="B18" s="20"/>
      <c r="C18" s="20"/>
      <c r="D18" s="20"/>
      <c r="E18" s="20"/>
      <c r="F18" s="20"/>
      <c r="G18" s="20"/>
      <c r="H18" s="20"/>
      <c r="I18" s="20"/>
      <c r="J18" s="20"/>
      <c r="K18" s="20"/>
      <c r="L18" s="20"/>
      <c r="M18" s="20"/>
      <c r="N18" s="27"/>
    </row>
    <row r="19" spans="1:14" ht="22.5" customHeight="1" x14ac:dyDescent="0.15">
      <c r="A19" s="29"/>
      <c r="B19" s="20"/>
      <c r="C19" s="153"/>
      <c r="D19" s="153"/>
      <c r="E19" s="153"/>
      <c r="F19" s="20"/>
      <c r="G19" s="87"/>
      <c r="H19" s="20"/>
      <c r="I19" s="20"/>
      <c r="J19" s="20"/>
      <c r="K19" s="20"/>
      <c r="L19" s="45" t="s">
        <v>150</v>
      </c>
      <c r="M19" s="20"/>
      <c r="N19" s="27"/>
    </row>
    <row r="20" spans="1:14" ht="50.1" customHeight="1" x14ac:dyDescent="0.15">
      <c r="A20" s="29"/>
      <c r="B20" s="20"/>
      <c r="C20" s="161" t="s">
        <v>159</v>
      </c>
      <c r="D20" s="161"/>
      <c r="E20" s="161"/>
      <c r="F20" s="161"/>
      <c r="G20" s="161"/>
      <c r="H20" s="161"/>
      <c r="I20" s="161"/>
      <c r="J20" s="86" t="s">
        <v>158</v>
      </c>
      <c r="K20" s="86" t="s">
        <v>157</v>
      </c>
      <c r="L20" s="86" t="s">
        <v>156</v>
      </c>
      <c r="M20" s="20"/>
      <c r="N20" s="27"/>
    </row>
    <row r="21" spans="1:14" ht="50.1" customHeight="1" x14ac:dyDescent="0.15">
      <c r="A21" s="29"/>
      <c r="B21" s="20"/>
      <c r="C21" s="161" t="s">
        <v>155</v>
      </c>
      <c r="D21" s="161"/>
      <c r="E21" s="161"/>
      <c r="F21" s="161"/>
      <c r="G21" s="161"/>
      <c r="H21" s="161"/>
      <c r="I21" s="161"/>
      <c r="J21" s="9">
        <v>225801745</v>
      </c>
      <c r="K21" s="9">
        <v>0</v>
      </c>
      <c r="L21" s="9">
        <v>225801745</v>
      </c>
      <c r="M21" s="20"/>
      <c r="N21" s="27"/>
    </row>
    <row r="22" spans="1:14" ht="50.1" customHeight="1" x14ac:dyDescent="0.15">
      <c r="A22" s="29"/>
      <c r="B22" s="20"/>
      <c r="C22" s="161" t="s">
        <v>154</v>
      </c>
      <c r="D22" s="161"/>
      <c r="E22" s="161"/>
      <c r="F22" s="161"/>
      <c r="G22" s="161"/>
      <c r="H22" s="161"/>
      <c r="I22" s="161"/>
      <c r="J22" s="9">
        <v>-87821107</v>
      </c>
      <c r="K22" s="9">
        <v>0</v>
      </c>
      <c r="L22" s="9">
        <v>-87821107</v>
      </c>
      <c r="M22" s="20"/>
      <c r="N22" s="27"/>
    </row>
    <row r="23" spans="1:14" ht="50.1" customHeight="1" x14ac:dyDescent="0.15">
      <c r="A23" s="29"/>
      <c r="B23" s="20"/>
      <c r="C23" s="161" t="s">
        <v>153</v>
      </c>
      <c r="D23" s="161"/>
      <c r="E23" s="161"/>
      <c r="F23" s="161"/>
      <c r="G23" s="161"/>
      <c r="H23" s="161"/>
      <c r="I23" s="161"/>
      <c r="J23" s="9">
        <v>137980638</v>
      </c>
      <c r="K23" s="9">
        <v>0</v>
      </c>
      <c r="L23" s="9">
        <v>137980638</v>
      </c>
      <c r="M23" s="20"/>
      <c r="N23" s="27"/>
    </row>
    <row r="24" spans="1:14" ht="22.5" customHeight="1" x14ac:dyDescent="0.15">
      <c r="A24" s="29"/>
      <c r="B24" s="20"/>
      <c r="C24" s="20"/>
      <c r="D24" s="20"/>
      <c r="E24" s="20"/>
      <c r="F24" s="20"/>
      <c r="G24" s="20"/>
      <c r="H24" s="20"/>
      <c r="I24" s="20"/>
      <c r="J24" s="20"/>
      <c r="K24" s="20"/>
      <c r="L24" s="20"/>
      <c r="M24" s="20"/>
      <c r="N24" s="27"/>
    </row>
    <row r="25" spans="1:14" ht="22.5" customHeight="1" x14ac:dyDescent="0.15">
      <c r="A25" s="29"/>
      <c r="B25" s="20"/>
      <c r="C25" s="20"/>
      <c r="D25" s="20"/>
      <c r="E25" s="20"/>
      <c r="F25" s="20"/>
      <c r="G25" s="20"/>
      <c r="H25" s="20"/>
      <c r="I25" s="20"/>
      <c r="J25" s="20"/>
      <c r="K25" s="20"/>
      <c r="L25" s="20"/>
      <c r="M25" s="20"/>
      <c r="N25" s="27"/>
    </row>
    <row r="26" spans="1:14" ht="22.5" customHeight="1" x14ac:dyDescent="0.15">
      <c r="A26" s="29"/>
      <c r="B26" s="20"/>
      <c r="C26" s="20"/>
      <c r="D26" s="20"/>
      <c r="E26" s="20"/>
      <c r="F26" s="20"/>
      <c r="G26" s="20"/>
      <c r="H26" s="20"/>
      <c r="I26" s="20"/>
      <c r="J26" s="20"/>
      <c r="K26" s="20"/>
      <c r="L26" s="20"/>
      <c r="M26" s="20"/>
      <c r="N26" s="27"/>
    </row>
    <row r="27" spans="1:14" ht="22.5" customHeight="1" x14ac:dyDescent="0.15">
      <c r="A27" s="29"/>
      <c r="B27" s="20"/>
      <c r="C27" s="20"/>
      <c r="D27" s="20"/>
      <c r="E27" s="20"/>
      <c r="F27" s="20"/>
      <c r="G27" s="20"/>
      <c r="H27" s="20"/>
      <c r="I27" s="20"/>
      <c r="J27" s="20"/>
      <c r="K27" s="20"/>
      <c r="L27" s="20"/>
      <c r="M27" s="20"/>
      <c r="N27" s="27"/>
    </row>
    <row r="28" spans="1:14" ht="22.5" customHeight="1" x14ac:dyDescent="0.15">
      <c r="A28" s="29"/>
      <c r="B28" s="20"/>
      <c r="C28" s="20"/>
      <c r="D28" s="20"/>
      <c r="E28" s="20"/>
      <c r="F28" s="20"/>
      <c r="G28" s="20"/>
      <c r="H28" s="20"/>
      <c r="I28" s="20"/>
      <c r="J28" s="20"/>
      <c r="K28" s="20"/>
      <c r="L28" s="20"/>
      <c r="M28" s="20"/>
      <c r="N28" s="27"/>
    </row>
    <row r="29" spans="1:14" ht="22.5" customHeight="1" x14ac:dyDescent="0.15">
      <c r="A29" s="29"/>
      <c r="B29" s="20"/>
      <c r="C29" s="20"/>
      <c r="D29" s="20"/>
      <c r="E29" s="20"/>
      <c r="F29" s="20"/>
      <c r="G29" s="20"/>
      <c r="H29" s="20"/>
      <c r="I29" s="20"/>
      <c r="J29" s="20"/>
      <c r="K29" s="20"/>
      <c r="L29" s="20"/>
      <c r="M29" s="20"/>
      <c r="N29" s="27"/>
    </row>
    <row r="30" spans="1:14" ht="22.5" customHeight="1" x14ac:dyDescent="0.15">
      <c r="A30" s="85"/>
      <c r="B30" s="80"/>
      <c r="C30" s="80"/>
      <c r="D30" s="80"/>
      <c r="E30" s="80"/>
      <c r="F30" s="80"/>
      <c r="G30" s="80"/>
      <c r="H30" s="80"/>
      <c r="I30" s="80"/>
      <c r="J30" s="80"/>
      <c r="K30" s="80"/>
      <c r="L30" s="80"/>
      <c r="M30" s="80"/>
      <c r="N30" s="84"/>
    </row>
    <row r="31" spans="1:14" ht="22.5" customHeight="1" x14ac:dyDescent="0.15">
      <c r="A31" s="85"/>
      <c r="B31" s="80"/>
      <c r="C31" s="80"/>
      <c r="D31" s="80"/>
      <c r="E31" s="80"/>
      <c r="F31" s="80"/>
      <c r="G31" s="80"/>
      <c r="H31" s="80"/>
      <c r="I31" s="80"/>
      <c r="J31" s="80"/>
      <c r="K31" s="80"/>
      <c r="L31" s="80"/>
      <c r="M31" s="80"/>
      <c r="N31" s="84"/>
    </row>
    <row r="32" spans="1:14" ht="22.5" customHeight="1" x14ac:dyDescent="0.15">
      <c r="A32" s="85"/>
      <c r="B32" s="80"/>
      <c r="C32" s="80"/>
      <c r="D32" s="80"/>
      <c r="E32" s="80"/>
      <c r="F32" s="80"/>
      <c r="G32" s="80"/>
      <c r="H32" s="80"/>
      <c r="I32" s="80"/>
      <c r="J32" s="80"/>
      <c r="K32" s="80"/>
      <c r="L32" s="80"/>
      <c r="M32" s="80"/>
      <c r="N32" s="84"/>
    </row>
    <row r="33" spans="1:14" ht="22.5" customHeight="1" x14ac:dyDescent="0.15">
      <c r="A33" s="85"/>
      <c r="B33" s="80"/>
      <c r="C33" s="80"/>
      <c r="D33" s="80"/>
      <c r="E33" s="80"/>
      <c r="F33" s="80"/>
      <c r="G33" s="80"/>
      <c r="H33" s="80"/>
      <c r="I33" s="80"/>
      <c r="J33" s="80"/>
      <c r="K33" s="80"/>
      <c r="L33" s="80"/>
      <c r="M33" s="80"/>
      <c r="N33" s="84"/>
    </row>
    <row r="34" spans="1:14" ht="22.5" customHeight="1" x14ac:dyDescent="0.15">
      <c r="A34" s="85"/>
      <c r="B34" s="80"/>
      <c r="C34" s="80"/>
      <c r="D34" s="80"/>
      <c r="E34" s="80"/>
      <c r="F34" s="80"/>
      <c r="G34" s="80"/>
      <c r="H34" s="80"/>
      <c r="I34" s="80"/>
      <c r="J34" s="80"/>
      <c r="K34" s="80"/>
      <c r="L34" s="80"/>
      <c r="M34" s="80"/>
      <c r="N34" s="84"/>
    </row>
    <row r="35" spans="1:14" ht="22.5" customHeight="1" x14ac:dyDescent="0.15">
      <c r="A35" s="85"/>
      <c r="B35" s="80"/>
      <c r="C35" s="80"/>
      <c r="D35" s="80"/>
      <c r="E35" s="80"/>
      <c r="F35" s="80"/>
      <c r="G35" s="80"/>
      <c r="H35" s="80"/>
      <c r="I35" s="80"/>
      <c r="J35" s="80"/>
      <c r="K35" s="80"/>
      <c r="L35" s="80"/>
      <c r="M35" s="80"/>
      <c r="N35" s="84"/>
    </row>
    <row r="36" spans="1:14" ht="22.5" customHeight="1" x14ac:dyDescent="0.15">
      <c r="A36" s="85"/>
      <c r="B36" s="80"/>
      <c r="C36" s="80"/>
      <c r="D36" s="80"/>
      <c r="E36" s="80"/>
      <c r="F36" s="80"/>
      <c r="G36" s="80"/>
      <c r="H36" s="80"/>
      <c r="I36" s="80"/>
      <c r="J36" s="80"/>
      <c r="K36" s="80"/>
      <c r="L36" s="80"/>
      <c r="M36" s="80"/>
      <c r="N36" s="84"/>
    </row>
    <row r="37" spans="1:14" ht="22.5" customHeight="1" x14ac:dyDescent="0.15">
      <c r="A37" s="85"/>
      <c r="B37" s="80"/>
      <c r="C37" s="80"/>
      <c r="D37" s="80"/>
      <c r="E37" s="80"/>
      <c r="F37" s="80"/>
      <c r="G37" s="80"/>
      <c r="H37" s="80"/>
      <c r="I37" s="80"/>
      <c r="J37" s="80"/>
      <c r="K37" s="80"/>
      <c r="L37" s="80"/>
      <c r="M37" s="80"/>
      <c r="N37" s="84"/>
    </row>
    <row r="38" spans="1:14" ht="22.5" customHeight="1" x14ac:dyDescent="0.15">
      <c r="A38" s="85"/>
      <c r="B38" s="80"/>
      <c r="C38" s="80"/>
      <c r="D38" s="80"/>
      <c r="E38" s="80"/>
      <c r="F38" s="80"/>
      <c r="G38" s="80"/>
      <c r="H38" s="80"/>
      <c r="I38" s="80"/>
      <c r="J38" s="80"/>
      <c r="K38" s="80"/>
      <c r="L38" s="80"/>
      <c r="M38" s="80"/>
      <c r="N38" s="84"/>
    </row>
    <row r="39" spans="1:14" ht="22.5" customHeight="1" x14ac:dyDescent="0.15">
      <c r="A39" s="85"/>
      <c r="B39" s="80"/>
      <c r="C39" s="80"/>
      <c r="D39" s="80"/>
      <c r="E39" s="80"/>
      <c r="F39" s="80"/>
      <c r="G39" s="80"/>
      <c r="H39" s="80"/>
      <c r="I39" s="80"/>
      <c r="J39" s="80"/>
      <c r="K39" s="80"/>
      <c r="L39" s="80"/>
      <c r="M39" s="80"/>
      <c r="N39" s="84"/>
    </row>
    <row r="40" spans="1:14" ht="22.5" customHeight="1" x14ac:dyDescent="0.15">
      <c r="A40" s="85"/>
      <c r="B40" s="80"/>
      <c r="C40" s="80"/>
      <c r="D40" s="80"/>
      <c r="E40" s="80"/>
      <c r="F40" s="80"/>
      <c r="G40" s="80"/>
      <c r="H40" s="80"/>
      <c r="I40" s="80"/>
      <c r="J40" s="80"/>
      <c r="K40" s="80"/>
      <c r="L40" s="80"/>
      <c r="M40" s="80"/>
      <c r="N40" s="84"/>
    </row>
    <row r="41" spans="1:14" ht="22.5" customHeight="1" x14ac:dyDescent="0.15">
      <c r="A41" s="85"/>
      <c r="B41" s="80"/>
      <c r="C41" s="80"/>
      <c r="D41" s="80"/>
      <c r="E41" s="80"/>
      <c r="F41" s="80"/>
      <c r="G41" s="80"/>
      <c r="H41" s="80"/>
      <c r="I41" s="80"/>
      <c r="J41" s="80"/>
      <c r="K41" s="80"/>
      <c r="L41" s="80"/>
      <c r="M41" s="80"/>
      <c r="N41" s="84"/>
    </row>
    <row r="42" spans="1:14" ht="22.5" customHeight="1" x14ac:dyDescent="0.15">
      <c r="A42" s="85"/>
      <c r="B42" s="80"/>
      <c r="C42" s="80"/>
      <c r="D42" s="80"/>
      <c r="E42" s="80"/>
      <c r="F42" s="80"/>
      <c r="G42" s="80"/>
      <c r="H42" s="80"/>
      <c r="I42" s="80"/>
      <c r="J42" s="80"/>
      <c r="K42" s="80"/>
      <c r="L42" s="80"/>
      <c r="M42" s="80"/>
      <c r="N42" s="84"/>
    </row>
    <row r="43" spans="1:14" ht="22.5" customHeight="1" x14ac:dyDescent="0.15">
      <c r="A43" s="85"/>
      <c r="B43" s="80"/>
      <c r="C43" s="80"/>
      <c r="D43" s="80"/>
      <c r="E43" s="80"/>
      <c r="F43" s="80"/>
      <c r="G43" s="80"/>
      <c r="H43" s="80"/>
      <c r="I43" s="80"/>
      <c r="J43" s="80"/>
      <c r="K43" s="80"/>
      <c r="L43" s="80"/>
      <c r="M43" s="80"/>
      <c r="N43" s="84"/>
    </row>
    <row r="44" spans="1:14" ht="22.5" customHeight="1" x14ac:dyDescent="0.15">
      <c r="A44" s="85"/>
      <c r="B44" s="80"/>
      <c r="C44" s="80"/>
      <c r="D44" s="80"/>
      <c r="E44" s="80"/>
      <c r="F44" s="80"/>
      <c r="G44" s="80"/>
      <c r="H44" s="80"/>
      <c r="I44" s="80"/>
      <c r="J44" s="80"/>
      <c r="K44" s="80"/>
      <c r="L44" s="80"/>
      <c r="M44" s="80"/>
      <c r="N44" s="84"/>
    </row>
    <row r="45" spans="1:14" ht="22.5" customHeight="1" x14ac:dyDescent="0.15">
      <c r="A45" s="85"/>
      <c r="B45" s="80"/>
      <c r="C45" s="80"/>
      <c r="D45" s="80"/>
      <c r="E45" s="80"/>
      <c r="F45" s="80"/>
      <c r="G45" s="80"/>
      <c r="H45" s="80"/>
      <c r="I45" s="80"/>
      <c r="J45" s="80"/>
      <c r="K45" s="80"/>
      <c r="L45" s="80"/>
      <c r="M45" s="80"/>
      <c r="N45" s="84"/>
    </row>
    <row r="46" spans="1:14" ht="22.5" customHeight="1" x14ac:dyDescent="0.15">
      <c r="A46" s="85"/>
      <c r="B46" s="80"/>
      <c r="C46" s="80"/>
      <c r="D46" s="80"/>
      <c r="E46" s="80"/>
      <c r="F46" s="80"/>
      <c r="G46" s="80"/>
      <c r="H46" s="80"/>
      <c r="I46" s="80"/>
      <c r="J46" s="80"/>
      <c r="K46" s="80"/>
      <c r="L46" s="80"/>
      <c r="M46" s="80"/>
      <c r="N46" s="84"/>
    </row>
    <row r="47" spans="1:14" ht="22.5" customHeight="1" x14ac:dyDescent="0.15">
      <c r="A47" s="85"/>
      <c r="B47" s="80"/>
      <c r="C47" s="80"/>
      <c r="D47" s="80"/>
      <c r="E47" s="80"/>
      <c r="F47" s="80"/>
      <c r="G47" s="80"/>
      <c r="H47" s="80"/>
      <c r="I47" s="80"/>
      <c r="J47" s="80"/>
      <c r="K47" s="80"/>
      <c r="L47" s="80"/>
      <c r="M47" s="80"/>
      <c r="N47" s="84"/>
    </row>
    <row r="48" spans="1:14" ht="22.5" customHeight="1" x14ac:dyDescent="0.15">
      <c r="A48" s="85"/>
      <c r="B48" s="80"/>
      <c r="C48" s="80"/>
      <c r="D48" s="80"/>
      <c r="E48" s="80"/>
      <c r="F48" s="80"/>
      <c r="G48" s="80"/>
      <c r="H48" s="80"/>
      <c r="I48" s="80"/>
      <c r="J48" s="80"/>
      <c r="K48" s="80"/>
      <c r="L48" s="80"/>
      <c r="M48" s="80"/>
      <c r="N48" s="84"/>
    </row>
    <row r="49" spans="1:14" ht="22.5" customHeight="1" x14ac:dyDescent="0.15">
      <c r="A49" s="85"/>
      <c r="B49" s="80"/>
      <c r="C49" s="80"/>
      <c r="D49" s="80"/>
      <c r="E49" s="80"/>
      <c r="F49" s="80"/>
      <c r="G49" s="80"/>
      <c r="H49" s="80"/>
      <c r="I49" s="80"/>
      <c r="J49" s="80"/>
      <c r="K49" s="80"/>
      <c r="L49" s="80"/>
      <c r="M49" s="80"/>
      <c r="N49" s="84"/>
    </row>
    <row r="50" spans="1:14" ht="22.5" customHeight="1" x14ac:dyDescent="0.15">
      <c r="A50" s="85"/>
      <c r="B50" s="80"/>
      <c r="C50" s="80"/>
      <c r="D50" s="80"/>
      <c r="E50" s="80"/>
      <c r="F50" s="80"/>
      <c r="G50" s="80"/>
      <c r="H50" s="80"/>
      <c r="I50" s="80"/>
      <c r="J50" s="80"/>
      <c r="K50" s="80"/>
      <c r="L50" s="80"/>
      <c r="M50" s="80"/>
      <c r="N50" s="84"/>
    </row>
    <row r="51" spans="1:14" ht="22.5" customHeight="1" x14ac:dyDescent="0.15">
      <c r="A51" s="85"/>
      <c r="B51" s="80"/>
      <c r="C51" s="80"/>
      <c r="D51" s="80"/>
      <c r="E51" s="80"/>
      <c r="F51" s="80"/>
      <c r="G51" s="80"/>
      <c r="H51" s="80"/>
      <c r="I51" s="80"/>
      <c r="J51" s="80"/>
      <c r="K51" s="80"/>
      <c r="L51" s="80"/>
      <c r="M51" s="80"/>
      <c r="N51" s="84"/>
    </row>
    <row r="52" spans="1:14" ht="22.5" customHeight="1" x14ac:dyDescent="0.15">
      <c r="A52" s="85"/>
      <c r="B52" s="80"/>
      <c r="C52" s="80"/>
      <c r="D52" s="80"/>
      <c r="E52" s="80"/>
      <c r="F52" s="80"/>
      <c r="G52" s="80"/>
      <c r="H52" s="80"/>
      <c r="I52" s="80"/>
      <c r="J52" s="80"/>
      <c r="K52" s="80"/>
      <c r="L52" s="80"/>
      <c r="M52" s="80"/>
      <c r="N52" s="84"/>
    </row>
    <row r="53" spans="1:14" ht="22.5" customHeight="1" x14ac:dyDescent="0.15">
      <c r="A53" s="85"/>
      <c r="B53" s="80"/>
      <c r="C53" s="80"/>
      <c r="D53" s="80"/>
      <c r="E53" s="80"/>
      <c r="F53" s="80"/>
      <c r="G53" s="80"/>
      <c r="H53" s="80"/>
      <c r="I53" s="80"/>
      <c r="J53" s="80"/>
      <c r="K53" s="80"/>
      <c r="L53" s="80"/>
      <c r="M53" s="80"/>
      <c r="N53" s="84"/>
    </row>
    <row r="54" spans="1:14" ht="22.5" customHeight="1" x14ac:dyDescent="0.15">
      <c r="A54" s="85"/>
      <c r="B54" s="80"/>
      <c r="C54" s="80"/>
      <c r="D54" s="80"/>
      <c r="E54" s="80"/>
      <c r="F54" s="80"/>
      <c r="G54" s="80"/>
      <c r="H54" s="80"/>
      <c r="I54" s="80"/>
      <c r="J54" s="80"/>
      <c r="K54" s="80"/>
      <c r="L54" s="80"/>
      <c r="M54" s="80"/>
      <c r="N54" s="84"/>
    </row>
    <row r="55" spans="1:14" ht="22.5" customHeight="1" x14ac:dyDescent="0.15">
      <c r="A55" s="85"/>
      <c r="B55" s="80"/>
      <c r="C55" s="80"/>
      <c r="D55" s="80"/>
      <c r="E55" s="80"/>
      <c r="F55" s="80"/>
      <c r="G55" s="80"/>
      <c r="H55" s="80"/>
      <c r="I55" s="80"/>
      <c r="J55" s="80"/>
      <c r="K55" s="80"/>
      <c r="L55" s="80"/>
      <c r="M55" s="80"/>
      <c r="N55" s="84"/>
    </row>
    <row r="56" spans="1:14" ht="22.5" customHeight="1" x14ac:dyDescent="0.15">
      <c r="A56" s="85"/>
      <c r="B56" s="80"/>
      <c r="C56" s="80"/>
      <c r="D56" s="80"/>
      <c r="E56" s="80"/>
      <c r="F56" s="80"/>
      <c r="G56" s="80"/>
      <c r="H56" s="80"/>
      <c r="I56" s="80"/>
      <c r="J56" s="80"/>
      <c r="K56" s="80"/>
      <c r="L56" s="80"/>
      <c r="M56" s="80"/>
      <c r="N56" s="84"/>
    </row>
    <row r="57" spans="1:14" ht="22.5" customHeight="1" x14ac:dyDescent="0.15">
      <c r="A57" s="85"/>
      <c r="B57" s="80"/>
      <c r="C57" s="80"/>
      <c r="D57" s="80"/>
      <c r="E57" s="80"/>
      <c r="F57" s="80"/>
      <c r="G57" s="80"/>
      <c r="H57" s="80"/>
      <c r="I57" s="80"/>
      <c r="J57" s="80"/>
      <c r="K57" s="80"/>
      <c r="L57" s="80"/>
      <c r="M57" s="80"/>
      <c r="N57" s="84"/>
    </row>
    <row r="58" spans="1:14" ht="22.5" customHeight="1" x14ac:dyDescent="0.15">
      <c r="A58" s="85"/>
      <c r="B58" s="80"/>
      <c r="C58" s="80"/>
      <c r="D58" s="80"/>
      <c r="E58" s="80"/>
      <c r="F58" s="80"/>
      <c r="G58" s="80"/>
      <c r="H58" s="80"/>
      <c r="I58" s="80"/>
      <c r="J58" s="80"/>
      <c r="K58" s="80"/>
      <c r="L58" s="80"/>
      <c r="M58" s="80"/>
      <c r="N58" s="84"/>
    </row>
    <row r="59" spans="1:14" ht="22.5" customHeight="1" x14ac:dyDescent="0.15">
      <c r="A59" s="85"/>
      <c r="B59" s="80"/>
      <c r="C59" s="80"/>
      <c r="D59" s="80"/>
      <c r="E59" s="80"/>
      <c r="F59" s="80"/>
      <c r="G59" s="80"/>
      <c r="H59" s="80"/>
      <c r="I59" s="80"/>
      <c r="J59" s="80"/>
      <c r="K59" s="80"/>
      <c r="L59" s="80"/>
      <c r="M59" s="80"/>
      <c r="N59" s="84"/>
    </row>
    <row r="60" spans="1:14" ht="22.5" customHeight="1" x14ac:dyDescent="0.15">
      <c r="A60" s="85"/>
      <c r="B60" s="80"/>
      <c r="C60" s="80"/>
      <c r="D60" s="80"/>
      <c r="E60" s="80"/>
      <c r="F60" s="80"/>
      <c r="G60" s="80"/>
      <c r="H60" s="80"/>
      <c r="I60" s="80"/>
      <c r="J60" s="80"/>
      <c r="K60" s="80"/>
      <c r="L60" s="80"/>
      <c r="M60" s="80"/>
      <c r="N60" s="84"/>
    </row>
    <row r="61" spans="1:14" ht="22.5" customHeight="1" x14ac:dyDescent="0.15">
      <c r="A61" s="85"/>
      <c r="B61" s="80"/>
      <c r="C61" s="80"/>
      <c r="D61" s="80"/>
      <c r="E61" s="80"/>
      <c r="F61" s="80"/>
      <c r="G61" s="80"/>
      <c r="H61" s="80"/>
      <c r="I61" s="80"/>
      <c r="J61" s="80"/>
      <c r="K61" s="80"/>
      <c r="L61" s="80"/>
      <c r="M61" s="80"/>
      <c r="N61" s="84"/>
    </row>
    <row r="62" spans="1:14" ht="22.5" customHeight="1" x14ac:dyDescent="0.15">
      <c r="A62" s="85"/>
      <c r="B62" s="80"/>
      <c r="C62" s="80"/>
      <c r="D62" s="80"/>
      <c r="E62" s="80"/>
      <c r="F62" s="80"/>
      <c r="G62" s="80"/>
      <c r="H62" s="80"/>
      <c r="I62" s="80"/>
      <c r="J62" s="80"/>
      <c r="K62" s="80"/>
      <c r="L62" s="80"/>
      <c r="M62" s="80"/>
      <c r="N62" s="84"/>
    </row>
    <row r="63" spans="1:14" ht="22.5" customHeight="1" x14ac:dyDescent="0.15">
      <c r="A63" s="85"/>
      <c r="B63" s="80"/>
      <c r="C63" s="80"/>
      <c r="D63" s="80"/>
      <c r="E63" s="80"/>
      <c r="F63" s="80"/>
      <c r="G63" s="80"/>
      <c r="H63" s="80"/>
      <c r="I63" s="80"/>
      <c r="J63" s="80"/>
      <c r="K63" s="80"/>
      <c r="L63" s="80"/>
      <c r="M63" s="80"/>
      <c r="N63" s="84"/>
    </row>
    <row r="64" spans="1:14" ht="22.5" customHeight="1" x14ac:dyDescent="0.15">
      <c r="A64" s="85"/>
      <c r="B64" s="80"/>
      <c r="C64" s="80"/>
      <c r="D64" s="80"/>
      <c r="E64" s="80"/>
      <c r="F64" s="80"/>
      <c r="G64" s="80"/>
      <c r="H64" s="80"/>
      <c r="I64" s="80"/>
      <c r="J64" s="80"/>
      <c r="K64" s="80"/>
      <c r="L64" s="80"/>
      <c r="M64" s="80"/>
      <c r="N64" s="84"/>
    </row>
    <row r="65" spans="1:14" ht="22.5" customHeight="1" x14ac:dyDescent="0.15">
      <c r="A65" s="85"/>
      <c r="B65" s="80"/>
      <c r="C65" s="80"/>
      <c r="D65" s="80"/>
      <c r="E65" s="80"/>
      <c r="F65" s="80"/>
      <c r="G65" s="80"/>
      <c r="H65" s="80"/>
      <c r="I65" s="80"/>
      <c r="J65" s="80"/>
      <c r="K65" s="80"/>
      <c r="L65" s="80"/>
      <c r="M65" s="80"/>
      <c r="N65" s="84"/>
    </row>
    <row r="66" spans="1:14" ht="22.5" customHeight="1" x14ac:dyDescent="0.15">
      <c r="A66" s="85"/>
      <c r="B66" s="80"/>
      <c r="C66" s="80"/>
      <c r="D66" s="80"/>
      <c r="E66" s="80"/>
      <c r="F66" s="80"/>
      <c r="G66" s="80"/>
      <c r="H66" s="80"/>
      <c r="I66" s="80"/>
      <c r="J66" s="80"/>
      <c r="K66" s="80"/>
      <c r="L66" s="80"/>
      <c r="M66" s="80"/>
      <c r="N66" s="84"/>
    </row>
    <row r="67" spans="1:14" ht="22.5" customHeight="1" x14ac:dyDescent="0.15">
      <c r="A67" s="85"/>
      <c r="B67" s="80"/>
      <c r="C67" s="80"/>
      <c r="D67" s="80"/>
      <c r="E67" s="80"/>
      <c r="F67" s="80"/>
      <c r="G67" s="80"/>
      <c r="H67" s="80"/>
      <c r="I67" s="80"/>
      <c r="J67" s="80"/>
      <c r="K67" s="80"/>
      <c r="L67" s="80"/>
      <c r="M67" s="80"/>
      <c r="N67" s="84"/>
    </row>
    <row r="68" spans="1:14" ht="22.5" customHeight="1" x14ac:dyDescent="0.15">
      <c r="A68" s="83"/>
      <c r="B68" s="82"/>
      <c r="C68" s="82"/>
      <c r="D68" s="82"/>
      <c r="E68" s="82"/>
      <c r="F68" s="82"/>
      <c r="G68" s="82"/>
      <c r="H68" s="82"/>
      <c r="I68" s="82"/>
      <c r="J68" s="82"/>
      <c r="K68" s="82"/>
      <c r="L68" s="82"/>
      <c r="M68" s="82"/>
      <c r="N68" s="81"/>
    </row>
    <row r="69" spans="1:14" ht="22.5" customHeight="1" x14ac:dyDescent="0.15">
      <c r="A69" s="80"/>
      <c r="B69" s="80"/>
      <c r="C69" s="80"/>
      <c r="D69" s="80"/>
      <c r="E69" s="80"/>
      <c r="F69" s="80"/>
      <c r="G69" s="80"/>
      <c r="H69" s="80"/>
      <c r="I69" s="80"/>
      <c r="J69" s="80"/>
      <c r="K69" s="80"/>
      <c r="L69" s="80"/>
      <c r="M69" s="80"/>
      <c r="N69" s="80"/>
    </row>
    <row r="70" spans="1:14" ht="22.5" customHeight="1" x14ac:dyDescent="0.15">
      <c r="A70" s="80"/>
      <c r="B70" s="80"/>
      <c r="C70" s="80"/>
      <c r="D70" s="80"/>
      <c r="E70" s="80"/>
      <c r="F70" s="80"/>
      <c r="G70" s="80"/>
      <c r="H70" s="80"/>
      <c r="I70" s="80"/>
      <c r="J70" s="80"/>
      <c r="K70" s="80"/>
      <c r="L70" s="80"/>
      <c r="M70" s="80"/>
      <c r="N70" s="80"/>
    </row>
    <row r="71" spans="1:14" ht="22.5" customHeight="1" x14ac:dyDescent="0.15">
      <c r="A71" s="80"/>
      <c r="B71" s="80"/>
      <c r="C71" s="80"/>
      <c r="D71" s="80"/>
      <c r="E71" s="80"/>
      <c r="F71" s="80"/>
      <c r="G71" s="80"/>
      <c r="H71" s="80"/>
      <c r="I71" s="80"/>
      <c r="J71" s="80"/>
      <c r="K71" s="80"/>
      <c r="L71" s="80"/>
      <c r="M71" s="80"/>
      <c r="N71" s="80"/>
    </row>
  </sheetData>
  <sheetProtection selectLockedCells="1" selectUnlockedCells="1"/>
  <mergeCells count="23">
    <mergeCell ref="C19:E19"/>
    <mergeCell ref="C20:I20"/>
    <mergeCell ref="C21:I21"/>
    <mergeCell ref="C22:I22"/>
    <mergeCell ref="C23:I23"/>
    <mergeCell ref="F17:H17"/>
    <mergeCell ref="C12:E12"/>
    <mergeCell ref="F12:H12"/>
    <mergeCell ref="C13:E13"/>
    <mergeCell ref="F13:H13"/>
    <mergeCell ref="C14:E14"/>
    <mergeCell ref="F14:H14"/>
    <mergeCell ref="C15:E15"/>
    <mergeCell ref="F15:H15"/>
    <mergeCell ref="C16:E16"/>
    <mergeCell ref="F16:H16"/>
    <mergeCell ref="C17:E17"/>
    <mergeCell ref="B6:M6"/>
    <mergeCell ref="B7:M7"/>
    <mergeCell ref="C8:E8"/>
    <mergeCell ref="C9:E9"/>
    <mergeCell ref="C11:E11"/>
    <mergeCell ref="F11:H11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60" orientation="portrait" blackAndWhite="1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200"/>
  <sheetViews>
    <sheetView showGridLines="0" zoomScale="60" zoomScaleNormal="60" zoomScaleSheetLayoutView="50" workbookViewId="0"/>
  </sheetViews>
  <sheetFormatPr defaultColWidth="8.875" defaultRowHeight="22.5" customHeight="1" x14ac:dyDescent="0.15"/>
  <cols>
    <col min="1" max="1" width="3.625" style="11" customWidth="1"/>
    <col min="2" max="7" width="1.875" style="11" customWidth="1"/>
    <col min="8" max="8" width="36.625" style="11" customWidth="1"/>
    <col min="9" max="9" width="33.625" style="11" customWidth="1"/>
    <col min="10" max="10" width="1.125" style="11" customWidth="1"/>
    <col min="11" max="11" width="2.25" style="11" customWidth="1"/>
    <col min="12" max="17" width="1.875" style="11" customWidth="1"/>
    <col min="18" max="18" width="36.625" style="11" customWidth="1"/>
    <col min="19" max="19" width="33.625" style="11" customWidth="1"/>
    <col min="20" max="20" width="1.125" style="11" customWidth="1"/>
    <col min="21" max="21" width="3.625" style="11" customWidth="1"/>
    <col min="22" max="16384" width="8.875" style="11"/>
  </cols>
  <sheetData>
    <row r="1" spans="1:21" ht="22.5" customHeight="1" x14ac:dyDescent="0.15">
      <c r="B1" s="97" t="s">
        <v>98</v>
      </c>
    </row>
    <row r="2" spans="1:21" ht="22.5" customHeight="1" x14ac:dyDescent="0.15">
      <c r="B2" s="97" t="s">
        <v>97</v>
      </c>
    </row>
    <row r="3" spans="1:21" ht="22.5" customHeight="1" x14ac:dyDescent="0.15">
      <c r="B3" s="97" t="s">
        <v>96</v>
      </c>
    </row>
    <row r="4" spans="1:21" ht="22.5" customHeight="1" x14ac:dyDescent="0.15">
      <c r="A4" s="113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15"/>
      <c r="U4" s="52"/>
    </row>
    <row r="5" spans="1:21" ht="22.5" customHeight="1" x14ac:dyDescent="0.2">
      <c r="A5" s="19"/>
      <c r="B5" s="14"/>
      <c r="C5" s="112"/>
      <c r="D5" s="112"/>
      <c r="E5" s="112"/>
      <c r="F5" s="112"/>
      <c r="G5" s="112"/>
      <c r="H5" s="112"/>
      <c r="I5" s="112"/>
      <c r="J5" s="112"/>
      <c r="K5" s="112"/>
      <c r="L5" s="112"/>
      <c r="M5" s="112"/>
      <c r="N5" s="112"/>
      <c r="O5" s="112"/>
      <c r="P5" s="112"/>
      <c r="Q5" s="112"/>
      <c r="R5" s="112"/>
      <c r="S5" s="112"/>
      <c r="T5" s="112"/>
      <c r="U5" s="17"/>
    </row>
    <row r="6" spans="1:21" ht="28.5" x14ac:dyDescent="0.3">
      <c r="A6" s="19"/>
      <c r="B6" s="166" t="s">
        <v>230</v>
      </c>
      <c r="C6" s="166"/>
      <c r="D6" s="166"/>
      <c r="E6" s="166"/>
      <c r="F6" s="166"/>
      <c r="G6" s="166"/>
      <c r="H6" s="166"/>
      <c r="I6" s="166"/>
      <c r="J6" s="166"/>
      <c r="K6" s="166"/>
      <c r="L6" s="166"/>
      <c r="M6" s="166"/>
      <c r="N6" s="166"/>
      <c r="O6" s="166"/>
      <c r="P6" s="166"/>
      <c r="Q6" s="166"/>
      <c r="R6" s="166"/>
      <c r="S6" s="166"/>
      <c r="T6" s="111"/>
      <c r="U6" s="17"/>
    </row>
    <row r="7" spans="1:21" ht="22.5" customHeight="1" x14ac:dyDescent="0.15">
      <c r="A7" s="19"/>
      <c r="B7" s="167" t="s">
        <v>151</v>
      </c>
      <c r="C7" s="167"/>
      <c r="D7" s="167"/>
      <c r="E7" s="167"/>
      <c r="F7" s="167"/>
      <c r="G7" s="167"/>
      <c r="H7" s="167"/>
      <c r="I7" s="167"/>
      <c r="J7" s="167"/>
      <c r="K7" s="167"/>
      <c r="L7" s="167"/>
      <c r="M7" s="167"/>
      <c r="N7" s="167"/>
      <c r="O7" s="167"/>
      <c r="P7" s="167"/>
      <c r="Q7" s="167"/>
      <c r="R7" s="167"/>
      <c r="S7" s="167"/>
      <c r="T7" s="110"/>
      <c r="U7" s="17"/>
    </row>
    <row r="8" spans="1:21" ht="22.5" hidden="1" customHeight="1" x14ac:dyDescent="0.15">
      <c r="A8" s="19"/>
      <c r="B8" s="105"/>
      <c r="C8" s="105"/>
      <c r="D8" s="105"/>
      <c r="E8" s="105"/>
      <c r="F8" s="105"/>
      <c r="G8" s="105"/>
      <c r="H8" s="105"/>
      <c r="I8" s="105"/>
      <c r="J8" s="105"/>
      <c r="K8" s="105"/>
      <c r="L8" s="105"/>
      <c r="M8" s="105"/>
      <c r="N8" s="105"/>
      <c r="O8" s="105"/>
      <c r="P8" s="105"/>
      <c r="Q8" s="105"/>
      <c r="R8" s="105"/>
      <c r="S8" s="105"/>
      <c r="T8" s="105"/>
      <c r="U8" s="17"/>
    </row>
    <row r="9" spans="1:21" ht="22.5" hidden="1" customHeight="1" x14ac:dyDescent="0.15">
      <c r="A9" s="19"/>
      <c r="B9" s="165"/>
      <c r="C9" s="165"/>
      <c r="D9" s="165"/>
      <c r="E9" s="107"/>
      <c r="F9" s="107"/>
      <c r="G9" s="107"/>
      <c r="H9" s="105"/>
      <c r="I9" s="105"/>
      <c r="J9" s="105"/>
      <c r="K9" s="164"/>
      <c r="L9" s="164"/>
      <c r="M9" s="164"/>
      <c r="N9" s="164"/>
      <c r="O9" s="109"/>
      <c r="P9" s="109"/>
      <c r="Q9" s="109"/>
      <c r="R9" s="108"/>
      <c r="S9" s="105"/>
      <c r="T9" s="105"/>
      <c r="U9" s="17"/>
    </row>
    <row r="10" spans="1:21" ht="22.5" hidden="1" customHeight="1" x14ac:dyDescent="0.15">
      <c r="A10" s="19"/>
      <c r="B10" s="105"/>
      <c r="C10" s="105"/>
      <c r="D10" s="105"/>
      <c r="E10" s="105"/>
      <c r="F10" s="105"/>
      <c r="G10" s="105"/>
      <c r="H10" s="105"/>
      <c r="I10" s="105"/>
      <c r="J10" s="105"/>
      <c r="K10" s="164"/>
      <c r="L10" s="164"/>
      <c r="M10" s="164"/>
      <c r="N10" s="164"/>
      <c r="O10" s="109"/>
      <c r="P10" s="109"/>
      <c r="Q10" s="109"/>
      <c r="R10" s="108"/>
      <c r="S10" s="105"/>
      <c r="T10" s="105"/>
      <c r="U10" s="17"/>
    </row>
    <row r="11" spans="1:21" ht="22.5" hidden="1" customHeight="1" x14ac:dyDescent="0.15">
      <c r="A11" s="19"/>
      <c r="B11" s="105"/>
      <c r="C11" s="105"/>
      <c r="D11" s="105"/>
      <c r="E11" s="105"/>
      <c r="F11" s="105"/>
      <c r="G11" s="105"/>
      <c r="H11" s="105"/>
      <c r="I11" s="105"/>
      <c r="J11" s="105"/>
      <c r="K11" s="164"/>
      <c r="L11" s="164"/>
      <c r="M11" s="164"/>
      <c r="N11" s="164"/>
      <c r="O11" s="109"/>
      <c r="P11" s="109"/>
      <c r="Q11" s="109"/>
      <c r="R11" s="108"/>
      <c r="S11" s="105"/>
      <c r="T11" s="105"/>
      <c r="U11" s="17"/>
    </row>
    <row r="12" spans="1:21" ht="22.5" hidden="1" customHeight="1" x14ac:dyDescent="0.15">
      <c r="A12" s="19"/>
      <c r="B12" s="105"/>
      <c r="C12" s="105"/>
      <c r="D12" s="105"/>
      <c r="E12" s="105"/>
      <c r="F12" s="105"/>
      <c r="G12" s="105"/>
      <c r="H12" s="105"/>
      <c r="I12" s="105"/>
      <c r="J12" s="105"/>
      <c r="K12" s="164"/>
      <c r="L12" s="164"/>
      <c r="M12" s="164"/>
      <c r="N12" s="164"/>
      <c r="O12" s="109"/>
      <c r="P12" s="109"/>
      <c r="Q12" s="109"/>
      <c r="R12" s="108"/>
      <c r="S12" s="105"/>
      <c r="T12" s="105"/>
      <c r="U12" s="17"/>
    </row>
    <row r="13" spans="1:21" ht="22.5" hidden="1" customHeight="1" x14ac:dyDescent="0.15">
      <c r="A13" s="19"/>
      <c r="B13" s="105"/>
      <c r="C13" s="105"/>
      <c r="D13" s="105"/>
      <c r="E13" s="105"/>
      <c r="F13" s="105"/>
      <c r="G13" s="105"/>
      <c r="H13" s="105"/>
      <c r="I13" s="105"/>
      <c r="J13" s="105"/>
      <c r="K13" s="164"/>
      <c r="L13" s="164"/>
      <c r="M13" s="164"/>
      <c r="N13" s="164"/>
      <c r="O13" s="109"/>
      <c r="P13" s="109"/>
      <c r="Q13" s="109"/>
      <c r="R13" s="108"/>
      <c r="S13" s="105"/>
      <c r="T13" s="105"/>
      <c r="U13" s="17"/>
    </row>
    <row r="14" spans="1:21" ht="22.5" customHeight="1" x14ac:dyDescent="0.15">
      <c r="A14" s="19"/>
      <c r="B14" s="105"/>
      <c r="C14" s="105"/>
      <c r="D14" s="105"/>
      <c r="E14" s="105"/>
      <c r="F14" s="105"/>
      <c r="G14" s="105"/>
      <c r="H14" s="105"/>
      <c r="I14" s="105"/>
      <c r="J14" s="105"/>
      <c r="K14" s="105"/>
      <c r="L14" s="165"/>
      <c r="M14" s="165"/>
      <c r="N14" s="165"/>
      <c r="O14" s="107"/>
      <c r="P14" s="107"/>
      <c r="Q14" s="107"/>
      <c r="R14" s="106"/>
      <c r="S14" s="105"/>
      <c r="T14" s="105"/>
      <c r="U14" s="17"/>
    </row>
    <row r="15" spans="1:21" ht="18.75" x14ac:dyDescent="0.15">
      <c r="A15" s="19"/>
      <c r="B15" s="148"/>
      <c r="C15" s="148"/>
      <c r="D15" s="148"/>
      <c r="E15" s="104"/>
      <c r="F15" s="104"/>
      <c r="G15" s="104"/>
      <c r="H15" s="14"/>
      <c r="I15" s="45"/>
      <c r="J15" s="45" t="s">
        <v>150</v>
      </c>
      <c r="K15" s="14"/>
      <c r="L15" s="100"/>
      <c r="M15" s="100"/>
      <c r="N15" s="100"/>
      <c r="O15" s="100"/>
      <c r="P15" s="100"/>
      <c r="Q15" s="100"/>
      <c r="R15" s="100"/>
      <c r="S15" s="45"/>
      <c r="T15" s="45"/>
      <c r="U15" s="17"/>
    </row>
    <row r="16" spans="1:21" ht="22.5" customHeight="1" x14ac:dyDescent="0.15">
      <c r="A16" s="19"/>
      <c r="B16" s="42" t="s">
        <v>229</v>
      </c>
      <c r="C16" s="38"/>
      <c r="D16" s="38"/>
      <c r="E16" s="38"/>
      <c r="F16" s="38"/>
      <c r="G16" s="38"/>
      <c r="H16" s="41"/>
      <c r="I16" s="37"/>
      <c r="J16" s="36"/>
      <c r="K16" s="20"/>
      <c r="L16" s="42"/>
      <c r="M16" s="38" t="s">
        <v>228</v>
      </c>
      <c r="N16" s="38"/>
      <c r="O16" s="38"/>
      <c r="P16" s="38"/>
      <c r="Q16" s="38"/>
      <c r="R16" s="38"/>
      <c r="S16" s="37">
        <v>0</v>
      </c>
      <c r="T16" s="36"/>
      <c r="U16" s="17"/>
    </row>
    <row r="17" spans="1:21" ht="22.5" customHeight="1" x14ac:dyDescent="0.15">
      <c r="A17" s="19"/>
      <c r="B17" s="29"/>
      <c r="C17" s="20" t="s">
        <v>227</v>
      </c>
      <c r="D17" s="20"/>
      <c r="E17" s="20"/>
      <c r="F17" s="20"/>
      <c r="G17" s="20"/>
      <c r="H17" s="20"/>
      <c r="I17" s="28">
        <v>16549083</v>
      </c>
      <c r="J17" s="34"/>
      <c r="K17" s="20"/>
      <c r="L17" s="29"/>
      <c r="M17" s="20"/>
      <c r="N17" s="20" t="s">
        <v>226</v>
      </c>
      <c r="O17" s="20"/>
      <c r="P17" s="20"/>
      <c r="Q17" s="20"/>
      <c r="R17" s="20"/>
      <c r="S17" s="28">
        <v>0</v>
      </c>
      <c r="T17" s="34"/>
      <c r="U17" s="17"/>
    </row>
    <row r="18" spans="1:21" ht="22.5" customHeight="1" x14ac:dyDescent="0.15">
      <c r="A18" s="19"/>
      <c r="B18" s="29"/>
      <c r="C18" s="20"/>
      <c r="D18" s="20" t="s">
        <v>225</v>
      </c>
      <c r="E18" s="20"/>
      <c r="F18" s="20"/>
      <c r="G18" s="20"/>
      <c r="H18" s="20"/>
      <c r="I18" s="28">
        <v>0</v>
      </c>
      <c r="J18" s="34"/>
      <c r="K18" s="20"/>
      <c r="L18" s="29"/>
      <c r="M18" s="20"/>
      <c r="N18" s="20" t="s">
        <v>224</v>
      </c>
      <c r="O18" s="20"/>
      <c r="P18" s="20"/>
      <c r="Q18" s="20"/>
      <c r="R18" s="20"/>
      <c r="S18" s="28">
        <v>0</v>
      </c>
      <c r="T18" s="34"/>
      <c r="U18" s="17"/>
    </row>
    <row r="19" spans="1:21" ht="22.5" customHeight="1" x14ac:dyDescent="0.15">
      <c r="A19" s="19"/>
      <c r="B19" s="29"/>
      <c r="C19" s="20"/>
      <c r="D19" s="20" t="s">
        <v>223</v>
      </c>
      <c r="E19" s="20"/>
      <c r="F19" s="20"/>
      <c r="G19" s="20"/>
      <c r="H19" s="20"/>
      <c r="I19" s="28">
        <v>0</v>
      </c>
      <c r="J19" s="34"/>
      <c r="K19" s="20"/>
      <c r="L19" s="29"/>
      <c r="M19" s="20"/>
      <c r="N19" s="20"/>
      <c r="O19" s="20" t="s">
        <v>222</v>
      </c>
      <c r="P19" s="20"/>
      <c r="Q19" s="20"/>
      <c r="R19" s="20"/>
      <c r="S19" s="28">
        <v>0</v>
      </c>
      <c r="T19" s="34"/>
      <c r="U19" s="17"/>
    </row>
    <row r="20" spans="1:21" ht="22.5" customHeight="1" x14ac:dyDescent="0.15">
      <c r="A20" s="19"/>
      <c r="B20" s="29"/>
      <c r="C20" s="20"/>
      <c r="D20" s="20" t="s">
        <v>221</v>
      </c>
      <c r="E20" s="20"/>
      <c r="F20" s="20"/>
      <c r="G20" s="20"/>
      <c r="H20" s="20"/>
      <c r="I20" s="28">
        <v>0</v>
      </c>
      <c r="J20" s="34"/>
      <c r="K20" s="20"/>
      <c r="L20" s="29"/>
      <c r="M20" s="20"/>
      <c r="N20" s="20"/>
      <c r="O20" s="20" t="s">
        <v>220</v>
      </c>
      <c r="P20" s="20"/>
      <c r="Q20" s="20"/>
      <c r="R20" s="20"/>
      <c r="S20" s="28">
        <v>0</v>
      </c>
      <c r="T20" s="34"/>
      <c r="U20" s="17"/>
    </row>
    <row r="21" spans="1:21" ht="22.5" customHeight="1" x14ac:dyDescent="0.15">
      <c r="A21" s="19"/>
      <c r="B21" s="29"/>
      <c r="C21" s="20"/>
      <c r="D21" s="20" t="s">
        <v>219</v>
      </c>
      <c r="E21" s="20"/>
      <c r="F21" s="20"/>
      <c r="G21" s="20"/>
      <c r="H21" s="20"/>
      <c r="I21" s="28">
        <v>0</v>
      </c>
      <c r="J21" s="34"/>
      <c r="K21" s="20"/>
      <c r="L21" s="29"/>
      <c r="M21" s="20"/>
      <c r="N21" s="20" t="s">
        <v>218</v>
      </c>
      <c r="O21" s="20"/>
      <c r="P21" s="20"/>
      <c r="Q21" s="20"/>
      <c r="R21" s="20"/>
      <c r="S21" s="28">
        <v>0</v>
      </c>
      <c r="T21" s="34"/>
      <c r="U21" s="17"/>
    </row>
    <row r="22" spans="1:21" ht="22.5" customHeight="1" x14ac:dyDescent="0.15">
      <c r="A22" s="19"/>
      <c r="B22" s="29"/>
      <c r="C22" s="20"/>
      <c r="D22" s="20" t="s">
        <v>217</v>
      </c>
      <c r="E22" s="20"/>
      <c r="F22" s="20"/>
      <c r="G22" s="20"/>
      <c r="H22" s="20"/>
      <c r="I22" s="28">
        <v>0</v>
      </c>
      <c r="J22" s="34"/>
      <c r="K22" s="20"/>
      <c r="L22" s="29"/>
      <c r="M22" s="20"/>
      <c r="N22" s="20" t="s">
        <v>216</v>
      </c>
      <c r="O22" s="20"/>
      <c r="P22" s="20"/>
      <c r="Q22" s="20"/>
      <c r="R22" s="20"/>
      <c r="S22" s="28">
        <v>0</v>
      </c>
      <c r="T22" s="34"/>
      <c r="U22" s="17"/>
    </row>
    <row r="23" spans="1:21" ht="22.5" customHeight="1" x14ac:dyDescent="0.15">
      <c r="A23" s="19"/>
      <c r="B23" s="29"/>
      <c r="C23" s="20"/>
      <c r="D23" s="20" t="s">
        <v>215</v>
      </c>
      <c r="E23" s="20"/>
      <c r="F23" s="20"/>
      <c r="G23" s="20"/>
      <c r="H23" s="20"/>
      <c r="I23" s="28">
        <v>0</v>
      </c>
      <c r="J23" s="34"/>
      <c r="K23" s="20"/>
      <c r="L23" s="29"/>
      <c r="M23" s="20"/>
      <c r="N23" s="20" t="s">
        <v>191</v>
      </c>
      <c r="O23" s="20"/>
      <c r="P23" s="20"/>
      <c r="Q23" s="20"/>
      <c r="R23" s="20"/>
      <c r="S23" s="28">
        <v>0</v>
      </c>
      <c r="T23" s="34"/>
      <c r="U23" s="17"/>
    </row>
    <row r="24" spans="1:21" ht="22.5" customHeight="1" x14ac:dyDescent="0.15">
      <c r="A24" s="19"/>
      <c r="B24" s="29"/>
      <c r="C24" s="20"/>
      <c r="D24" s="20" t="s">
        <v>214</v>
      </c>
      <c r="E24" s="20"/>
      <c r="F24" s="20"/>
      <c r="G24" s="20"/>
      <c r="H24" s="20"/>
      <c r="I24" s="28">
        <v>0</v>
      </c>
      <c r="J24" s="34"/>
      <c r="K24" s="20"/>
      <c r="L24" s="29"/>
      <c r="M24" s="20"/>
      <c r="N24" s="20"/>
      <c r="O24" s="20" t="s">
        <v>190</v>
      </c>
      <c r="P24" s="20"/>
      <c r="Q24" s="20"/>
      <c r="R24" s="20"/>
      <c r="S24" s="28">
        <v>0</v>
      </c>
      <c r="T24" s="34"/>
      <c r="U24" s="17"/>
    </row>
    <row r="25" spans="1:21" ht="22.5" customHeight="1" x14ac:dyDescent="0.15">
      <c r="A25" s="19"/>
      <c r="B25" s="29"/>
      <c r="C25" s="20"/>
      <c r="D25" s="20" t="s">
        <v>213</v>
      </c>
      <c r="E25" s="20"/>
      <c r="F25" s="20"/>
      <c r="G25" s="20"/>
      <c r="H25" s="20"/>
      <c r="I25" s="28">
        <v>250128</v>
      </c>
      <c r="J25" s="34"/>
      <c r="K25" s="20"/>
      <c r="L25" s="29"/>
      <c r="M25" s="20"/>
      <c r="N25" s="20"/>
      <c r="O25" s="20" t="s">
        <v>189</v>
      </c>
      <c r="P25" s="20"/>
      <c r="Q25" s="20"/>
      <c r="R25" s="20"/>
      <c r="S25" s="28">
        <v>0</v>
      </c>
      <c r="T25" s="34"/>
      <c r="U25" s="17"/>
    </row>
    <row r="26" spans="1:21" ht="22.5" customHeight="1" x14ac:dyDescent="0.15">
      <c r="A26" s="19"/>
      <c r="B26" s="29"/>
      <c r="C26" s="20"/>
      <c r="D26" s="20" t="s">
        <v>212</v>
      </c>
      <c r="E26" s="20"/>
      <c r="F26" s="20"/>
      <c r="G26" s="20"/>
      <c r="H26" s="20"/>
      <c r="I26" s="28">
        <v>0</v>
      </c>
      <c r="J26" s="34"/>
      <c r="K26" s="20"/>
      <c r="L26" s="29"/>
      <c r="M26" s="20"/>
      <c r="N26" s="20"/>
      <c r="O26" s="20" t="s">
        <v>187</v>
      </c>
      <c r="P26" s="20"/>
      <c r="Q26" s="20"/>
      <c r="R26" s="20"/>
      <c r="S26" s="28">
        <v>0</v>
      </c>
      <c r="T26" s="34"/>
      <c r="U26" s="17"/>
    </row>
    <row r="27" spans="1:21" ht="22.5" customHeight="1" x14ac:dyDescent="0.15">
      <c r="A27" s="19"/>
      <c r="B27" s="29"/>
      <c r="C27" s="20"/>
      <c r="D27" s="20" t="s">
        <v>173</v>
      </c>
      <c r="E27" s="20"/>
      <c r="F27" s="20"/>
      <c r="G27" s="20"/>
      <c r="H27" s="20"/>
      <c r="I27" s="28">
        <v>0</v>
      </c>
      <c r="J27" s="34"/>
      <c r="K27" s="20"/>
      <c r="L27" s="29"/>
      <c r="M27" s="20"/>
      <c r="N27" s="20" t="s">
        <v>211</v>
      </c>
      <c r="O27" s="20"/>
      <c r="P27" s="20"/>
      <c r="Q27" s="20"/>
      <c r="R27" s="20"/>
      <c r="S27" s="28">
        <v>0</v>
      </c>
      <c r="T27" s="34"/>
      <c r="U27" s="17"/>
    </row>
    <row r="28" spans="1:21" ht="22.5" customHeight="1" x14ac:dyDescent="0.15">
      <c r="A28" s="19"/>
      <c r="B28" s="29"/>
      <c r="C28" s="20"/>
      <c r="D28" s="20"/>
      <c r="E28" s="20" t="s">
        <v>172</v>
      </c>
      <c r="F28" s="20"/>
      <c r="G28" s="20"/>
      <c r="H28" s="20"/>
      <c r="I28" s="28">
        <v>0</v>
      </c>
      <c r="J28" s="34"/>
      <c r="K28" s="20"/>
      <c r="L28" s="24" t="s">
        <v>210</v>
      </c>
      <c r="M28" s="23"/>
      <c r="N28" s="23"/>
      <c r="O28" s="23"/>
      <c r="P28" s="23"/>
      <c r="Q28" s="23"/>
      <c r="R28" s="23"/>
      <c r="S28" s="22">
        <v>0</v>
      </c>
      <c r="T28" s="21"/>
      <c r="U28" s="17"/>
    </row>
    <row r="29" spans="1:21" ht="22.5" customHeight="1" x14ac:dyDescent="0.15">
      <c r="A29" s="19"/>
      <c r="B29" s="29"/>
      <c r="C29" s="20"/>
      <c r="D29" s="20"/>
      <c r="E29" s="20" t="s">
        <v>171</v>
      </c>
      <c r="F29" s="20"/>
      <c r="G29" s="20"/>
      <c r="H29" s="20"/>
      <c r="I29" s="28">
        <v>0</v>
      </c>
      <c r="J29" s="34"/>
      <c r="K29" s="20"/>
      <c r="L29" s="103" t="s">
        <v>209</v>
      </c>
      <c r="M29" s="20"/>
      <c r="N29" s="20"/>
      <c r="O29" s="20"/>
      <c r="P29" s="20"/>
      <c r="Q29" s="20"/>
      <c r="R29" s="20"/>
      <c r="S29" s="28"/>
      <c r="T29" s="34"/>
      <c r="U29" s="17"/>
    </row>
    <row r="30" spans="1:21" ht="22.5" customHeight="1" x14ac:dyDescent="0.15">
      <c r="A30" s="19"/>
      <c r="B30" s="29"/>
      <c r="C30" s="20"/>
      <c r="D30" s="20"/>
      <c r="E30" s="20" t="s">
        <v>170</v>
      </c>
      <c r="F30" s="20"/>
      <c r="G30" s="20"/>
      <c r="H30" s="20"/>
      <c r="I30" s="28">
        <v>0</v>
      </c>
      <c r="J30" s="34"/>
      <c r="K30" s="20"/>
      <c r="L30" s="29"/>
      <c r="M30" s="35" t="s">
        <v>208</v>
      </c>
      <c r="N30" s="20"/>
      <c r="O30" s="20"/>
      <c r="P30" s="20"/>
      <c r="Q30" s="20"/>
      <c r="R30" s="20"/>
      <c r="S30" s="28">
        <v>0</v>
      </c>
      <c r="T30" s="34"/>
      <c r="U30" s="17"/>
    </row>
    <row r="31" spans="1:21" ht="22.5" customHeight="1" x14ac:dyDescent="0.15">
      <c r="A31" s="19"/>
      <c r="B31" s="29"/>
      <c r="C31" s="20"/>
      <c r="D31" s="20" t="s">
        <v>135</v>
      </c>
      <c r="E31" s="20"/>
      <c r="F31" s="20"/>
      <c r="G31" s="20"/>
      <c r="H31" s="20"/>
      <c r="I31" s="28">
        <v>0</v>
      </c>
      <c r="J31" s="34"/>
      <c r="K31" s="20"/>
      <c r="L31" s="29"/>
      <c r="M31" s="20"/>
      <c r="N31" s="20" t="s">
        <v>207</v>
      </c>
      <c r="O31" s="20"/>
      <c r="P31" s="20"/>
      <c r="Q31" s="20"/>
      <c r="R31" s="20"/>
      <c r="S31" s="28">
        <v>0</v>
      </c>
      <c r="T31" s="34"/>
      <c r="U31" s="17"/>
    </row>
    <row r="32" spans="1:21" ht="22.5" customHeight="1" x14ac:dyDescent="0.15">
      <c r="A32" s="19"/>
      <c r="B32" s="29"/>
      <c r="C32" s="20"/>
      <c r="D32" s="20" t="s">
        <v>206</v>
      </c>
      <c r="E32" s="20"/>
      <c r="F32" s="20"/>
      <c r="G32" s="20"/>
      <c r="H32" s="20"/>
      <c r="I32" s="28">
        <v>0</v>
      </c>
      <c r="J32" s="34"/>
      <c r="K32" s="20"/>
      <c r="L32" s="29"/>
      <c r="M32" s="20"/>
      <c r="N32" s="20" t="s">
        <v>205</v>
      </c>
      <c r="O32" s="20"/>
      <c r="P32" s="20"/>
      <c r="Q32" s="20"/>
      <c r="R32" s="20"/>
      <c r="S32" s="28">
        <v>0</v>
      </c>
      <c r="T32" s="34"/>
      <c r="U32" s="17"/>
    </row>
    <row r="33" spans="1:21" ht="22.5" customHeight="1" x14ac:dyDescent="0.15">
      <c r="A33" s="19"/>
      <c r="B33" s="29"/>
      <c r="C33" s="20"/>
      <c r="D33" s="20" t="s">
        <v>204</v>
      </c>
      <c r="E33" s="20"/>
      <c r="F33" s="20"/>
      <c r="G33" s="20"/>
      <c r="H33" s="20"/>
      <c r="I33" s="28">
        <v>16298955</v>
      </c>
      <c r="J33" s="34"/>
      <c r="K33" s="20"/>
      <c r="L33" s="29"/>
      <c r="M33" s="20"/>
      <c r="N33" s="20" t="s">
        <v>173</v>
      </c>
      <c r="O33" s="20"/>
      <c r="P33" s="20"/>
      <c r="Q33" s="20"/>
      <c r="R33" s="20"/>
      <c r="S33" s="28">
        <v>0</v>
      </c>
      <c r="T33" s="34"/>
      <c r="U33" s="17"/>
    </row>
    <row r="34" spans="1:21" ht="22.5" customHeight="1" x14ac:dyDescent="0.15">
      <c r="A34" s="19"/>
      <c r="B34" s="29"/>
      <c r="C34" s="20" t="s">
        <v>203</v>
      </c>
      <c r="D34" s="20"/>
      <c r="E34" s="20"/>
      <c r="F34" s="20"/>
      <c r="G34" s="20"/>
      <c r="H34" s="20"/>
      <c r="I34" s="28">
        <v>3792148378</v>
      </c>
      <c r="J34" s="34"/>
      <c r="K34" s="20"/>
      <c r="L34" s="29"/>
      <c r="M34" s="20"/>
      <c r="N34" s="20"/>
      <c r="O34" s="20" t="s">
        <v>172</v>
      </c>
      <c r="P34" s="20"/>
      <c r="Q34" s="20"/>
      <c r="R34" s="20"/>
      <c r="S34" s="28">
        <v>0</v>
      </c>
      <c r="T34" s="34"/>
      <c r="U34" s="17"/>
    </row>
    <row r="35" spans="1:21" ht="22.5" customHeight="1" x14ac:dyDescent="0.15">
      <c r="A35" s="19"/>
      <c r="B35" s="29"/>
      <c r="C35" s="20"/>
      <c r="D35" s="20" t="s">
        <v>202</v>
      </c>
      <c r="E35" s="20"/>
      <c r="F35" s="20"/>
      <c r="G35" s="20"/>
      <c r="H35" s="20"/>
      <c r="I35" s="28">
        <v>526827952</v>
      </c>
      <c r="J35" s="34"/>
      <c r="K35" s="20"/>
      <c r="L35" s="29"/>
      <c r="M35" s="20"/>
      <c r="N35" s="20"/>
      <c r="O35" s="20" t="s">
        <v>171</v>
      </c>
      <c r="P35" s="20"/>
      <c r="Q35" s="20"/>
      <c r="R35" s="20"/>
      <c r="S35" s="28">
        <v>0</v>
      </c>
      <c r="T35" s="34"/>
      <c r="U35" s="17"/>
    </row>
    <row r="36" spans="1:21" ht="22.5" customHeight="1" x14ac:dyDescent="0.15">
      <c r="A36" s="19"/>
      <c r="B36" s="29"/>
      <c r="C36" s="20"/>
      <c r="D36" s="20" t="s">
        <v>201</v>
      </c>
      <c r="E36" s="20"/>
      <c r="F36" s="20"/>
      <c r="G36" s="20"/>
      <c r="H36" s="20"/>
      <c r="I36" s="28">
        <v>3003957691</v>
      </c>
      <c r="J36" s="34"/>
      <c r="K36" s="20"/>
      <c r="L36" s="29"/>
      <c r="M36" s="20"/>
      <c r="N36" s="20"/>
      <c r="O36" s="20" t="s">
        <v>170</v>
      </c>
      <c r="P36" s="20"/>
      <c r="Q36" s="20"/>
      <c r="R36" s="20"/>
      <c r="S36" s="28">
        <v>0</v>
      </c>
      <c r="T36" s="34"/>
      <c r="U36" s="17"/>
    </row>
    <row r="37" spans="1:21" ht="22.5" customHeight="1" x14ac:dyDescent="0.15">
      <c r="A37" s="19"/>
      <c r="B37" s="29"/>
      <c r="C37" s="20"/>
      <c r="D37" s="20" t="s">
        <v>200</v>
      </c>
      <c r="E37" s="20"/>
      <c r="F37" s="20"/>
      <c r="G37" s="20"/>
      <c r="H37" s="20"/>
      <c r="I37" s="28">
        <v>241751526</v>
      </c>
      <c r="J37" s="34"/>
      <c r="K37" s="20"/>
      <c r="L37" s="29"/>
      <c r="M37" s="20"/>
      <c r="N37" s="20" t="s">
        <v>199</v>
      </c>
      <c r="O37" s="20"/>
      <c r="P37" s="20"/>
      <c r="Q37" s="20"/>
      <c r="R37" s="20"/>
      <c r="S37" s="28">
        <v>0</v>
      </c>
      <c r="T37" s="34"/>
      <c r="U37" s="17"/>
    </row>
    <row r="38" spans="1:21" ht="22.5" customHeight="1" x14ac:dyDescent="0.15">
      <c r="A38" s="19"/>
      <c r="B38" s="29"/>
      <c r="C38" s="20"/>
      <c r="D38" s="20" t="s">
        <v>198</v>
      </c>
      <c r="E38" s="20"/>
      <c r="F38" s="20"/>
      <c r="G38" s="20"/>
      <c r="H38" s="20"/>
      <c r="I38" s="28">
        <v>1380809</v>
      </c>
      <c r="J38" s="34"/>
      <c r="K38" s="20"/>
      <c r="L38" s="29"/>
      <c r="M38" s="20" t="s">
        <v>197</v>
      </c>
      <c r="N38" s="20"/>
      <c r="O38" s="20"/>
      <c r="P38" s="20"/>
      <c r="Q38" s="20"/>
      <c r="R38" s="20"/>
      <c r="S38" s="28">
        <v>228867633</v>
      </c>
      <c r="T38" s="34"/>
      <c r="U38" s="17"/>
    </row>
    <row r="39" spans="1:21" ht="22.5" customHeight="1" x14ac:dyDescent="0.15">
      <c r="A39" s="19"/>
      <c r="B39" s="29"/>
      <c r="C39" s="20"/>
      <c r="D39" s="20" t="s">
        <v>196</v>
      </c>
      <c r="E39" s="20"/>
      <c r="F39" s="20"/>
      <c r="G39" s="20"/>
      <c r="H39" s="20"/>
      <c r="I39" s="28">
        <v>0</v>
      </c>
      <c r="J39" s="34"/>
      <c r="K39" s="20"/>
      <c r="L39" s="29"/>
      <c r="M39" s="20"/>
      <c r="N39" s="20" t="s">
        <v>195</v>
      </c>
      <c r="O39" s="20"/>
      <c r="P39" s="20"/>
      <c r="Q39" s="20"/>
      <c r="R39" s="20"/>
      <c r="S39" s="28">
        <v>64530000</v>
      </c>
      <c r="T39" s="34"/>
      <c r="U39" s="17"/>
    </row>
    <row r="40" spans="1:21" ht="22.5" customHeight="1" x14ac:dyDescent="0.15">
      <c r="A40" s="19"/>
      <c r="B40" s="29"/>
      <c r="C40" s="20"/>
      <c r="D40" s="20" t="s">
        <v>194</v>
      </c>
      <c r="E40" s="20"/>
      <c r="F40" s="20"/>
      <c r="G40" s="20"/>
      <c r="H40" s="20"/>
      <c r="I40" s="28">
        <v>18230400</v>
      </c>
      <c r="J40" s="34"/>
      <c r="K40" s="20"/>
      <c r="L40" s="29"/>
      <c r="M40" s="20"/>
      <c r="N40" s="20" t="s">
        <v>193</v>
      </c>
      <c r="O40" s="20"/>
      <c r="P40" s="20"/>
      <c r="Q40" s="20"/>
      <c r="R40" s="20"/>
      <c r="S40" s="28">
        <v>0</v>
      </c>
      <c r="T40" s="34"/>
      <c r="U40" s="17"/>
    </row>
    <row r="41" spans="1:21" ht="22.5" customHeight="1" x14ac:dyDescent="0.15">
      <c r="A41" s="19"/>
      <c r="B41" s="29"/>
      <c r="C41" s="20"/>
      <c r="D41" s="20" t="s">
        <v>191</v>
      </c>
      <c r="E41" s="20"/>
      <c r="F41" s="20"/>
      <c r="G41" s="20"/>
      <c r="H41" s="20"/>
      <c r="I41" s="28">
        <v>0</v>
      </c>
      <c r="J41" s="34"/>
      <c r="K41" s="20"/>
      <c r="L41" s="29"/>
      <c r="M41" s="20"/>
      <c r="N41" s="20" t="s">
        <v>192</v>
      </c>
      <c r="O41" s="20"/>
      <c r="P41" s="20"/>
      <c r="Q41" s="20"/>
      <c r="R41" s="20"/>
      <c r="S41" s="28">
        <v>164337633</v>
      </c>
      <c r="T41" s="34"/>
      <c r="U41" s="17"/>
    </row>
    <row r="42" spans="1:21" ht="22.5" customHeight="1" x14ac:dyDescent="0.15">
      <c r="A42" s="19"/>
      <c r="B42" s="29"/>
      <c r="C42" s="20"/>
      <c r="D42" s="20"/>
      <c r="E42" s="20" t="s">
        <v>190</v>
      </c>
      <c r="F42" s="20"/>
      <c r="G42" s="20"/>
      <c r="H42" s="20"/>
      <c r="I42" s="28">
        <v>0</v>
      </c>
      <c r="J42" s="34"/>
      <c r="K42" s="20"/>
      <c r="L42" s="29"/>
      <c r="M42" s="20"/>
      <c r="N42" s="20" t="s">
        <v>191</v>
      </c>
      <c r="O42" s="20"/>
      <c r="P42" s="20"/>
      <c r="Q42" s="20"/>
      <c r="R42" s="20"/>
      <c r="S42" s="28">
        <v>0</v>
      </c>
      <c r="T42" s="34"/>
      <c r="U42" s="17"/>
    </row>
    <row r="43" spans="1:21" ht="22.5" customHeight="1" x14ac:dyDescent="0.15">
      <c r="A43" s="19"/>
      <c r="B43" s="29"/>
      <c r="C43" s="20"/>
      <c r="D43" s="20"/>
      <c r="E43" s="20" t="s">
        <v>189</v>
      </c>
      <c r="F43" s="20"/>
      <c r="G43" s="20"/>
      <c r="H43" s="20"/>
      <c r="I43" s="28">
        <v>0</v>
      </c>
      <c r="J43" s="34"/>
      <c r="K43" s="20"/>
      <c r="L43" s="29"/>
      <c r="M43" s="20"/>
      <c r="N43" s="20"/>
      <c r="O43" s="20" t="s">
        <v>190</v>
      </c>
      <c r="P43" s="20"/>
      <c r="Q43" s="20"/>
      <c r="R43" s="20"/>
      <c r="S43" s="28">
        <v>0</v>
      </c>
      <c r="T43" s="34"/>
      <c r="U43" s="17"/>
    </row>
    <row r="44" spans="1:21" ht="22.5" customHeight="1" x14ac:dyDescent="0.15">
      <c r="A44" s="19"/>
      <c r="B44" s="29"/>
      <c r="C44" s="20"/>
      <c r="D44" s="20"/>
      <c r="E44" s="20" t="s">
        <v>187</v>
      </c>
      <c r="F44" s="20"/>
      <c r="G44" s="20"/>
      <c r="H44" s="20"/>
      <c r="I44" s="28">
        <v>0</v>
      </c>
      <c r="J44" s="34"/>
      <c r="K44" s="20"/>
      <c r="L44" s="29"/>
      <c r="M44" s="20"/>
      <c r="N44" s="20"/>
      <c r="O44" s="20" t="s">
        <v>189</v>
      </c>
      <c r="P44" s="20"/>
      <c r="Q44" s="20"/>
      <c r="R44" s="20"/>
      <c r="S44" s="28">
        <v>0</v>
      </c>
      <c r="T44" s="34"/>
      <c r="U44" s="17"/>
    </row>
    <row r="45" spans="1:21" ht="22.5" customHeight="1" x14ac:dyDescent="0.15">
      <c r="A45" s="19"/>
      <c r="B45" s="29"/>
      <c r="C45" s="20"/>
      <c r="D45" s="20" t="s">
        <v>188</v>
      </c>
      <c r="E45" s="20"/>
      <c r="F45" s="20"/>
      <c r="G45" s="20"/>
      <c r="H45" s="20"/>
      <c r="I45" s="28">
        <v>0</v>
      </c>
      <c r="J45" s="34"/>
      <c r="K45" s="20"/>
      <c r="L45" s="29"/>
      <c r="M45" s="20"/>
      <c r="N45" s="20"/>
      <c r="O45" s="20" t="s">
        <v>187</v>
      </c>
      <c r="P45" s="20"/>
      <c r="Q45" s="20"/>
      <c r="R45" s="20"/>
      <c r="S45" s="28">
        <v>0</v>
      </c>
      <c r="T45" s="34"/>
      <c r="U45" s="17"/>
    </row>
    <row r="46" spans="1:21" ht="22.5" customHeight="1" x14ac:dyDescent="0.15">
      <c r="A46" s="19"/>
      <c r="B46" s="24" t="s">
        <v>186</v>
      </c>
      <c r="C46" s="23"/>
      <c r="D46" s="23"/>
      <c r="E46" s="23"/>
      <c r="F46" s="23"/>
      <c r="G46" s="23"/>
      <c r="H46" s="23"/>
      <c r="I46" s="22">
        <v>-3775599295</v>
      </c>
      <c r="J46" s="21"/>
      <c r="K46" s="20"/>
      <c r="L46" s="29"/>
      <c r="M46" s="20"/>
      <c r="N46" s="20" t="s">
        <v>185</v>
      </c>
      <c r="O46" s="20"/>
      <c r="P46" s="20"/>
      <c r="Q46" s="20"/>
      <c r="R46" s="20"/>
      <c r="S46" s="28">
        <v>0</v>
      </c>
      <c r="T46" s="34"/>
      <c r="U46" s="17"/>
    </row>
    <row r="47" spans="1:21" ht="22.5" customHeight="1" x14ac:dyDescent="0.15">
      <c r="A47" s="19"/>
      <c r="B47" s="29" t="s">
        <v>184</v>
      </c>
      <c r="C47" s="20"/>
      <c r="D47" s="20"/>
      <c r="E47" s="20"/>
      <c r="F47" s="20"/>
      <c r="G47" s="20"/>
      <c r="H47" s="20"/>
      <c r="I47" s="28"/>
      <c r="J47" s="34"/>
      <c r="K47" s="20"/>
      <c r="L47" s="24" t="s">
        <v>183</v>
      </c>
      <c r="M47" s="23"/>
      <c r="N47" s="23"/>
      <c r="O47" s="23"/>
      <c r="P47" s="23"/>
      <c r="Q47" s="23"/>
      <c r="R47" s="23"/>
      <c r="S47" s="22">
        <v>-228867633</v>
      </c>
      <c r="T47" s="21"/>
      <c r="U47" s="17"/>
    </row>
    <row r="48" spans="1:21" ht="22.5" customHeight="1" x14ac:dyDescent="0.15">
      <c r="A48" s="19"/>
      <c r="B48" s="29"/>
      <c r="C48" s="20" t="s">
        <v>182</v>
      </c>
      <c r="D48" s="20"/>
      <c r="E48" s="20"/>
      <c r="F48" s="20"/>
      <c r="G48" s="20"/>
      <c r="H48" s="20"/>
      <c r="I48" s="28">
        <v>0</v>
      </c>
      <c r="J48" s="34"/>
      <c r="K48" s="20"/>
      <c r="L48" s="24" t="s">
        <v>181</v>
      </c>
      <c r="M48" s="23"/>
      <c r="N48" s="23"/>
      <c r="O48" s="23"/>
      <c r="P48" s="23"/>
      <c r="Q48" s="23"/>
      <c r="R48" s="23"/>
      <c r="S48" s="22">
        <v>-4004466928</v>
      </c>
      <c r="T48" s="21"/>
      <c r="U48" s="17"/>
    </row>
    <row r="49" spans="1:21" ht="22.5" customHeight="1" x14ac:dyDescent="0.15">
      <c r="A49" s="19"/>
      <c r="B49" s="29"/>
      <c r="C49" s="20"/>
      <c r="D49" s="20" t="s">
        <v>180</v>
      </c>
      <c r="E49" s="20"/>
      <c r="F49" s="20"/>
      <c r="G49" s="20"/>
      <c r="H49" s="20"/>
      <c r="I49" s="28">
        <v>0</v>
      </c>
      <c r="J49" s="34"/>
      <c r="K49" s="20"/>
      <c r="L49" s="24" t="s">
        <v>101</v>
      </c>
      <c r="M49" s="23"/>
      <c r="N49" s="23"/>
      <c r="O49" s="23"/>
      <c r="P49" s="23"/>
      <c r="Q49" s="23"/>
      <c r="R49" s="23"/>
      <c r="S49" s="22">
        <v>4004466928</v>
      </c>
      <c r="T49" s="21"/>
      <c r="U49" s="17"/>
    </row>
    <row r="50" spans="1:21" ht="22.5" customHeight="1" x14ac:dyDescent="0.15">
      <c r="A50" s="19"/>
      <c r="B50" s="29"/>
      <c r="C50" s="20"/>
      <c r="D50" s="20" t="s">
        <v>179</v>
      </c>
      <c r="E50" s="20"/>
      <c r="F50" s="20"/>
      <c r="G50" s="20"/>
      <c r="H50" s="20"/>
      <c r="I50" s="28">
        <v>0</v>
      </c>
      <c r="J50" s="34"/>
      <c r="K50" s="20"/>
      <c r="L50" s="24" t="s">
        <v>178</v>
      </c>
      <c r="M50" s="23"/>
      <c r="N50" s="23"/>
      <c r="O50" s="23"/>
      <c r="P50" s="23"/>
      <c r="Q50" s="23"/>
      <c r="R50" s="23"/>
      <c r="S50" s="22">
        <v>0</v>
      </c>
      <c r="T50" s="21"/>
      <c r="U50" s="17"/>
    </row>
    <row r="51" spans="1:21" ht="22.5" customHeight="1" x14ac:dyDescent="0.15">
      <c r="A51" s="19"/>
      <c r="B51" s="29"/>
      <c r="C51" s="20"/>
      <c r="D51" s="20"/>
      <c r="E51" s="20" t="s">
        <v>177</v>
      </c>
      <c r="F51" s="20"/>
      <c r="G51" s="20"/>
      <c r="H51" s="20"/>
      <c r="I51" s="28">
        <v>0</v>
      </c>
      <c r="J51" s="34"/>
      <c r="K51" s="20"/>
      <c r="L51" s="24" t="s">
        <v>176</v>
      </c>
      <c r="M51" s="23"/>
      <c r="N51" s="23"/>
      <c r="O51" s="23"/>
      <c r="P51" s="23"/>
      <c r="Q51" s="23"/>
      <c r="R51" s="23"/>
      <c r="S51" s="22">
        <v>0</v>
      </c>
      <c r="T51" s="21"/>
      <c r="U51" s="17"/>
    </row>
    <row r="52" spans="1:21" ht="22.5" customHeight="1" x14ac:dyDescent="0.15">
      <c r="A52" s="19"/>
      <c r="B52" s="29"/>
      <c r="C52" s="20"/>
      <c r="D52" s="20"/>
      <c r="E52" s="20" t="s">
        <v>175</v>
      </c>
      <c r="F52" s="20"/>
      <c r="G52" s="20"/>
      <c r="H52" s="20"/>
      <c r="I52" s="28">
        <v>0</v>
      </c>
      <c r="J52" s="34"/>
      <c r="K52" s="20"/>
      <c r="L52" s="20"/>
      <c r="M52" s="20"/>
      <c r="N52" s="20"/>
      <c r="O52" s="20"/>
      <c r="P52" s="20"/>
      <c r="Q52" s="20"/>
      <c r="R52" s="20"/>
      <c r="S52" s="28"/>
      <c r="T52" s="28"/>
      <c r="U52" s="17"/>
    </row>
    <row r="53" spans="1:21" ht="22.5" customHeight="1" x14ac:dyDescent="0.15">
      <c r="A53" s="19"/>
      <c r="B53" s="29"/>
      <c r="C53" s="20"/>
      <c r="D53" s="20" t="s">
        <v>174</v>
      </c>
      <c r="E53" s="20"/>
      <c r="F53" s="20"/>
      <c r="G53" s="20"/>
      <c r="H53" s="20"/>
      <c r="I53" s="28">
        <v>0</v>
      </c>
      <c r="J53" s="34"/>
      <c r="K53" s="20"/>
      <c r="L53" s="20"/>
      <c r="M53" s="20"/>
      <c r="N53" s="20"/>
      <c r="O53" s="20"/>
      <c r="P53" s="20"/>
      <c r="Q53" s="20"/>
      <c r="R53" s="20"/>
      <c r="S53" s="28"/>
      <c r="T53" s="28"/>
      <c r="U53" s="17"/>
    </row>
    <row r="54" spans="1:21" ht="22.5" customHeight="1" x14ac:dyDescent="0.15">
      <c r="A54" s="19"/>
      <c r="B54" s="29"/>
      <c r="C54" s="20"/>
      <c r="D54" s="20" t="s">
        <v>173</v>
      </c>
      <c r="E54" s="20"/>
      <c r="F54" s="20"/>
      <c r="G54" s="20"/>
      <c r="H54" s="20"/>
      <c r="I54" s="28">
        <v>0</v>
      </c>
      <c r="J54" s="34"/>
      <c r="K54" s="20"/>
      <c r="L54" s="20"/>
      <c r="M54" s="20"/>
      <c r="N54" s="20"/>
      <c r="O54" s="20"/>
      <c r="P54" s="20"/>
      <c r="Q54" s="20"/>
      <c r="R54" s="20"/>
      <c r="S54" s="28"/>
      <c r="T54" s="28"/>
      <c r="U54" s="17"/>
    </row>
    <row r="55" spans="1:21" ht="22.5" customHeight="1" x14ac:dyDescent="0.15">
      <c r="A55" s="19"/>
      <c r="B55" s="29"/>
      <c r="C55" s="20"/>
      <c r="D55" s="20"/>
      <c r="E55" s="20" t="s">
        <v>172</v>
      </c>
      <c r="F55" s="20"/>
      <c r="G55" s="20"/>
      <c r="H55" s="20"/>
      <c r="I55" s="28">
        <v>0</v>
      </c>
      <c r="J55" s="34"/>
      <c r="K55" s="20"/>
      <c r="L55" s="20"/>
      <c r="M55" s="20"/>
      <c r="N55" s="20"/>
      <c r="O55" s="20"/>
      <c r="P55" s="20"/>
      <c r="Q55" s="20"/>
      <c r="R55" s="20"/>
      <c r="S55" s="28"/>
      <c r="T55" s="28"/>
      <c r="U55" s="17"/>
    </row>
    <row r="56" spans="1:21" ht="22.5" customHeight="1" x14ac:dyDescent="0.15">
      <c r="A56" s="19"/>
      <c r="B56" s="29"/>
      <c r="C56" s="20"/>
      <c r="D56" s="20"/>
      <c r="E56" s="20" t="s">
        <v>171</v>
      </c>
      <c r="F56" s="20"/>
      <c r="G56" s="20"/>
      <c r="H56" s="20"/>
      <c r="I56" s="28">
        <v>0</v>
      </c>
      <c r="J56" s="34"/>
      <c r="K56" s="20"/>
      <c r="L56" s="20"/>
      <c r="M56" s="20"/>
      <c r="N56" s="20"/>
      <c r="O56" s="20"/>
      <c r="P56" s="20"/>
      <c r="Q56" s="20"/>
      <c r="R56" s="20"/>
      <c r="S56" s="28"/>
      <c r="T56" s="28"/>
      <c r="U56" s="17"/>
    </row>
    <row r="57" spans="1:21" ht="22.5" customHeight="1" x14ac:dyDescent="0.15">
      <c r="A57" s="19"/>
      <c r="B57" s="29"/>
      <c r="C57" s="20"/>
      <c r="D57" s="20"/>
      <c r="E57" s="20" t="s">
        <v>170</v>
      </c>
      <c r="F57" s="20"/>
      <c r="G57" s="20"/>
      <c r="H57" s="20"/>
      <c r="I57" s="28">
        <v>0</v>
      </c>
      <c r="J57" s="34"/>
      <c r="K57" s="20"/>
      <c r="L57" s="20"/>
      <c r="M57" s="20"/>
      <c r="N57" s="20"/>
      <c r="O57" s="20"/>
      <c r="P57" s="20"/>
      <c r="Q57" s="20"/>
      <c r="R57" s="20"/>
      <c r="S57" s="28"/>
      <c r="T57" s="28"/>
      <c r="U57" s="17"/>
    </row>
    <row r="58" spans="1:21" ht="22.5" customHeight="1" x14ac:dyDescent="0.15">
      <c r="A58" s="19"/>
      <c r="B58" s="29"/>
      <c r="C58" s="20"/>
      <c r="D58" s="20" t="s">
        <v>169</v>
      </c>
      <c r="E58" s="20"/>
      <c r="F58" s="20"/>
      <c r="G58" s="20"/>
      <c r="H58" s="20"/>
      <c r="I58" s="28">
        <v>0</v>
      </c>
      <c r="J58" s="34"/>
      <c r="K58" s="20"/>
      <c r="L58" s="20"/>
      <c r="M58" s="20"/>
      <c r="N58" s="20"/>
      <c r="O58" s="20"/>
      <c r="P58" s="20"/>
      <c r="Q58" s="20"/>
      <c r="R58" s="20"/>
      <c r="S58" s="28"/>
      <c r="T58" s="28"/>
      <c r="U58" s="17"/>
    </row>
    <row r="59" spans="1:21" ht="22.5" customHeight="1" x14ac:dyDescent="0.15">
      <c r="A59" s="19"/>
      <c r="B59" s="58"/>
      <c r="C59" s="57"/>
      <c r="D59" s="57" t="s">
        <v>168</v>
      </c>
      <c r="E59" s="57"/>
      <c r="F59" s="57"/>
      <c r="G59" s="57"/>
      <c r="H59" s="57"/>
      <c r="I59" s="69">
        <v>0</v>
      </c>
      <c r="J59" s="102"/>
      <c r="K59" s="20"/>
      <c r="L59" s="20"/>
      <c r="M59" s="20"/>
      <c r="N59" s="20"/>
      <c r="O59" s="20"/>
      <c r="P59" s="20"/>
      <c r="Q59" s="20"/>
      <c r="R59" s="20"/>
      <c r="S59" s="28"/>
      <c r="T59" s="28"/>
      <c r="U59" s="17"/>
    </row>
    <row r="60" spans="1:21" ht="22.5" customHeight="1" x14ac:dyDescent="0.15">
      <c r="A60" s="19"/>
      <c r="B60" s="20"/>
      <c r="C60" s="20"/>
      <c r="D60" s="20"/>
      <c r="E60" s="20"/>
      <c r="F60" s="20"/>
      <c r="G60" s="20"/>
      <c r="H60" s="20"/>
      <c r="I60" s="28"/>
      <c r="J60" s="28"/>
      <c r="K60" s="20"/>
      <c r="L60" s="20"/>
      <c r="M60" s="20"/>
      <c r="N60" s="20"/>
      <c r="O60" s="20"/>
      <c r="P60" s="20"/>
      <c r="Q60" s="20"/>
      <c r="R60" s="20"/>
      <c r="S60" s="28"/>
      <c r="T60" s="28"/>
      <c r="U60" s="17"/>
    </row>
    <row r="61" spans="1:21" ht="22.5" customHeight="1" x14ac:dyDescent="0.15">
      <c r="A61" s="19"/>
      <c r="B61" s="20"/>
      <c r="C61" s="20"/>
      <c r="D61" s="20"/>
      <c r="E61" s="20"/>
      <c r="F61" s="20"/>
      <c r="G61" s="20"/>
      <c r="H61" s="20"/>
      <c r="I61" s="28"/>
      <c r="J61" s="28"/>
      <c r="K61" s="20"/>
      <c r="L61" s="20"/>
      <c r="M61" s="20"/>
      <c r="N61" s="20"/>
      <c r="O61" s="20"/>
      <c r="P61" s="20"/>
      <c r="Q61" s="20"/>
      <c r="R61" s="20"/>
      <c r="S61" s="28"/>
      <c r="T61" s="28"/>
      <c r="U61" s="17"/>
    </row>
    <row r="62" spans="1:21" ht="22.5" customHeight="1" x14ac:dyDescent="0.15">
      <c r="A62" s="19"/>
      <c r="B62" s="20"/>
      <c r="C62" s="20"/>
      <c r="D62" s="20"/>
      <c r="E62" s="20"/>
      <c r="F62" s="20"/>
      <c r="G62" s="20"/>
      <c r="H62" s="20"/>
      <c r="I62" s="28"/>
      <c r="J62" s="28"/>
      <c r="K62" s="20"/>
      <c r="L62" s="20"/>
      <c r="M62" s="20"/>
      <c r="N62" s="20"/>
      <c r="O62" s="20"/>
      <c r="P62" s="20"/>
      <c r="Q62" s="20"/>
      <c r="R62" s="20"/>
      <c r="S62" s="28"/>
      <c r="T62" s="28"/>
      <c r="U62" s="17"/>
    </row>
    <row r="63" spans="1:21" ht="22.5" customHeight="1" x14ac:dyDescent="0.15">
      <c r="A63" s="19"/>
      <c r="B63" s="20"/>
      <c r="C63" s="20"/>
      <c r="D63" s="20"/>
      <c r="E63" s="20"/>
      <c r="F63" s="20"/>
      <c r="G63" s="20"/>
      <c r="H63" s="20"/>
      <c r="I63" s="28"/>
      <c r="J63" s="28"/>
      <c r="K63" s="20"/>
      <c r="L63" s="20"/>
      <c r="M63" s="20"/>
      <c r="N63" s="20"/>
      <c r="O63" s="20"/>
      <c r="P63" s="20"/>
      <c r="Q63" s="20"/>
      <c r="R63" s="20"/>
      <c r="S63" s="28"/>
      <c r="T63" s="28"/>
      <c r="U63" s="17"/>
    </row>
    <row r="64" spans="1:21" ht="22.5" customHeight="1" x14ac:dyDescent="0.15">
      <c r="A64" s="19"/>
      <c r="B64" s="20"/>
      <c r="C64" s="20"/>
      <c r="D64" s="20"/>
      <c r="E64" s="20"/>
      <c r="F64" s="20"/>
      <c r="G64" s="20"/>
      <c r="H64" s="20"/>
      <c r="I64" s="28"/>
      <c r="J64" s="28"/>
      <c r="K64" s="20"/>
      <c r="L64" s="20"/>
      <c r="M64" s="20"/>
      <c r="N64" s="20"/>
      <c r="O64" s="20"/>
      <c r="P64" s="20"/>
      <c r="Q64" s="20"/>
      <c r="R64" s="20"/>
      <c r="S64" s="28"/>
      <c r="T64" s="28"/>
      <c r="U64" s="17"/>
    </row>
    <row r="65" spans="1:21" ht="22.5" customHeight="1" x14ac:dyDescent="0.15">
      <c r="A65" s="19"/>
      <c r="B65" s="20"/>
      <c r="C65" s="20"/>
      <c r="D65" s="20"/>
      <c r="E65" s="20"/>
      <c r="F65" s="20"/>
      <c r="G65" s="20"/>
      <c r="H65" s="20"/>
      <c r="I65" s="28"/>
      <c r="J65" s="28"/>
      <c r="K65" s="20"/>
      <c r="L65" s="2"/>
      <c r="M65" s="2"/>
      <c r="N65" s="2"/>
      <c r="O65" s="2"/>
      <c r="P65" s="2"/>
      <c r="Q65" s="2"/>
      <c r="R65" s="2"/>
      <c r="S65" s="28"/>
      <c r="T65" s="28"/>
      <c r="U65" s="17"/>
    </row>
    <row r="66" spans="1:21" ht="22.5" customHeight="1" x14ac:dyDescent="0.15">
      <c r="A66" s="19"/>
      <c r="B66" s="20"/>
      <c r="C66" s="20"/>
      <c r="D66" s="20"/>
      <c r="E66" s="20"/>
      <c r="F66" s="20"/>
      <c r="G66" s="20"/>
      <c r="H66" s="20"/>
      <c r="I66" s="28"/>
      <c r="J66" s="28"/>
      <c r="K66" s="20"/>
      <c r="L66" s="2"/>
      <c r="M66" s="2"/>
      <c r="N66" s="2"/>
      <c r="O66" s="2"/>
      <c r="P66" s="2"/>
      <c r="Q66" s="2"/>
      <c r="R66" s="2"/>
      <c r="S66" s="28"/>
      <c r="T66" s="28"/>
      <c r="U66" s="17"/>
    </row>
    <row r="67" spans="1:21" ht="22.5" customHeight="1" x14ac:dyDescent="0.15">
      <c r="A67" s="19"/>
      <c r="B67" s="20"/>
      <c r="C67" s="20"/>
      <c r="D67" s="20"/>
      <c r="E67" s="20"/>
      <c r="F67" s="20"/>
      <c r="G67" s="20"/>
      <c r="H67" s="20"/>
      <c r="I67" s="28"/>
      <c r="J67" s="28"/>
      <c r="K67" s="20"/>
      <c r="L67" s="2"/>
      <c r="M67" s="2"/>
      <c r="N67" s="2"/>
      <c r="O67" s="2"/>
      <c r="P67" s="2"/>
      <c r="Q67" s="2"/>
      <c r="R67" s="2"/>
      <c r="S67" s="28"/>
      <c r="T67" s="28"/>
      <c r="U67" s="17"/>
    </row>
    <row r="68" spans="1:21" ht="22.5" customHeight="1" x14ac:dyDescent="0.15">
      <c r="A68" s="19"/>
      <c r="B68" s="20"/>
      <c r="C68" s="20"/>
      <c r="D68" s="20"/>
      <c r="E68" s="20"/>
      <c r="F68" s="20"/>
      <c r="G68" s="20"/>
      <c r="H68" s="20"/>
      <c r="I68" s="28"/>
      <c r="J68" s="28"/>
      <c r="K68" s="20"/>
      <c r="L68" s="2"/>
      <c r="M68" s="2"/>
      <c r="N68" s="2"/>
      <c r="O68" s="2"/>
      <c r="P68" s="2"/>
      <c r="Q68" s="2"/>
      <c r="R68" s="2"/>
      <c r="S68" s="28"/>
      <c r="T68" s="28"/>
      <c r="U68" s="17"/>
    </row>
    <row r="69" spans="1:21" ht="22.5" customHeight="1" x14ac:dyDescent="0.15">
      <c r="A69" s="19"/>
      <c r="B69" s="20"/>
      <c r="C69" s="20"/>
      <c r="D69" s="20"/>
      <c r="E69" s="20"/>
      <c r="F69" s="20"/>
      <c r="G69" s="20"/>
      <c r="H69" s="20"/>
      <c r="I69" s="28"/>
      <c r="J69" s="28"/>
      <c r="K69" s="14"/>
      <c r="L69" s="2"/>
      <c r="M69" s="2"/>
      <c r="N69" s="2"/>
      <c r="O69" s="2"/>
      <c r="P69" s="2"/>
      <c r="Q69" s="2"/>
      <c r="R69" s="2"/>
      <c r="S69" s="28"/>
      <c r="T69" s="28"/>
      <c r="U69" s="17"/>
    </row>
    <row r="70" spans="1:21" ht="22.5" customHeight="1" x14ac:dyDescent="0.15">
      <c r="A70" s="101"/>
      <c r="B70" s="100"/>
      <c r="C70" s="100"/>
      <c r="D70" s="100"/>
      <c r="E70" s="100"/>
      <c r="F70" s="100"/>
      <c r="G70" s="100"/>
      <c r="H70" s="100"/>
      <c r="I70" s="99"/>
      <c r="J70" s="99"/>
      <c r="K70" s="100"/>
      <c r="L70" s="100"/>
      <c r="M70" s="100"/>
      <c r="N70" s="100"/>
      <c r="O70" s="100"/>
      <c r="P70" s="100"/>
      <c r="Q70" s="100"/>
      <c r="R70" s="100"/>
      <c r="S70" s="99"/>
      <c r="T70" s="99"/>
      <c r="U70" s="98"/>
    </row>
    <row r="71" spans="1:21" ht="22.5" customHeight="1" x14ac:dyDescent="0.15">
      <c r="A71" s="14"/>
      <c r="B71" s="14"/>
      <c r="C71" s="14"/>
      <c r="D71" s="14"/>
      <c r="E71" s="14"/>
      <c r="F71" s="14"/>
      <c r="G71" s="14"/>
      <c r="H71" s="14"/>
      <c r="I71" s="18"/>
      <c r="J71" s="18"/>
      <c r="K71" s="14"/>
      <c r="L71" s="14"/>
      <c r="M71" s="14"/>
      <c r="N71" s="14"/>
      <c r="O71" s="14"/>
      <c r="P71" s="14"/>
      <c r="Q71" s="14"/>
      <c r="R71" s="14"/>
      <c r="S71" s="18"/>
      <c r="T71" s="18"/>
    </row>
    <row r="72" spans="1:21" ht="22.5" customHeight="1" x14ac:dyDescent="0.15">
      <c r="A72" s="14"/>
      <c r="B72" s="14"/>
      <c r="C72" s="14"/>
      <c r="D72" s="14"/>
      <c r="E72" s="14"/>
      <c r="F72" s="14"/>
      <c r="G72" s="14"/>
      <c r="H72" s="14"/>
      <c r="I72" s="13"/>
      <c r="J72" s="13"/>
      <c r="K72" s="14"/>
      <c r="L72" s="14"/>
      <c r="M72" s="14"/>
      <c r="N72" s="14"/>
      <c r="O72" s="14"/>
      <c r="P72" s="14"/>
      <c r="Q72" s="14"/>
      <c r="R72" s="14"/>
      <c r="S72" s="13"/>
      <c r="T72" s="13"/>
    </row>
    <row r="73" spans="1:21" ht="22.5" customHeight="1" x14ac:dyDescent="0.15">
      <c r="A73" s="14"/>
      <c r="B73" s="14"/>
      <c r="C73" s="14"/>
      <c r="D73" s="14"/>
      <c r="E73" s="14"/>
      <c r="F73" s="14"/>
      <c r="G73" s="14"/>
      <c r="H73" s="14"/>
      <c r="I73" s="13"/>
      <c r="J73" s="13"/>
      <c r="K73" s="14"/>
      <c r="L73" s="14"/>
      <c r="M73" s="14"/>
      <c r="N73" s="14"/>
      <c r="O73" s="14"/>
      <c r="P73" s="14"/>
      <c r="Q73" s="14"/>
      <c r="R73" s="14"/>
      <c r="S73" s="13"/>
      <c r="T73" s="13"/>
    </row>
    <row r="74" spans="1:21" ht="22.5" customHeight="1" x14ac:dyDescent="0.15">
      <c r="A74" s="14"/>
      <c r="B74" s="14"/>
      <c r="C74" s="14"/>
      <c r="D74" s="14"/>
      <c r="E74" s="14"/>
      <c r="F74" s="14"/>
      <c r="G74" s="14"/>
      <c r="H74" s="14"/>
      <c r="I74" s="13"/>
      <c r="J74" s="13"/>
      <c r="K74" s="14"/>
      <c r="L74" s="14"/>
      <c r="M74" s="14"/>
      <c r="N74" s="14"/>
      <c r="O74" s="14"/>
      <c r="P74" s="14"/>
      <c r="Q74" s="14"/>
      <c r="R74" s="14"/>
      <c r="S74" s="13"/>
      <c r="T74" s="13"/>
    </row>
    <row r="75" spans="1:21" ht="22.5" customHeight="1" x14ac:dyDescent="0.15">
      <c r="A75" s="14"/>
      <c r="B75" s="14"/>
      <c r="C75" s="14"/>
      <c r="D75" s="14"/>
      <c r="E75" s="14"/>
      <c r="F75" s="14"/>
      <c r="G75" s="14"/>
      <c r="H75" s="14"/>
      <c r="I75" s="13"/>
      <c r="J75" s="13"/>
      <c r="K75" s="14"/>
      <c r="L75" s="14"/>
      <c r="M75" s="14"/>
      <c r="N75" s="14"/>
      <c r="O75" s="14"/>
      <c r="P75" s="14"/>
      <c r="Q75" s="14"/>
      <c r="R75" s="14"/>
      <c r="S75" s="13"/>
      <c r="T75" s="13"/>
    </row>
    <row r="76" spans="1:21" ht="22.5" customHeight="1" x14ac:dyDescent="0.15">
      <c r="A76" s="14"/>
      <c r="B76" s="14"/>
      <c r="C76" s="14"/>
      <c r="D76" s="14"/>
      <c r="E76" s="14"/>
      <c r="F76" s="14"/>
      <c r="G76" s="14"/>
      <c r="H76" s="14"/>
      <c r="I76" s="13"/>
      <c r="J76" s="13"/>
      <c r="K76" s="14"/>
      <c r="L76" s="14"/>
      <c r="M76" s="14"/>
      <c r="N76" s="14"/>
      <c r="O76" s="14"/>
      <c r="P76" s="14"/>
      <c r="Q76" s="14"/>
      <c r="R76" s="14"/>
      <c r="S76" s="13"/>
      <c r="T76" s="13"/>
    </row>
    <row r="77" spans="1:21" ht="22.5" customHeight="1" x14ac:dyDescent="0.15">
      <c r="A77" s="14"/>
      <c r="B77" s="14"/>
      <c r="C77" s="14"/>
      <c r="D77" s="14"/>
      <c r="E77" s="14"/>
      <c r="F77" s="14"/>
      <c r="G77" s="14"/>
      <c r="H77" s="14"/>
      <c r="I77" s="13"/>
      <c r="J77" s="13"/>
      <c r="K77" s="14"/>
      <c r="L77" s="14"/>
      <c r="M77" s="14"/>
      <c r="N77" s="14"/>
      <c r="O77" s="14"/>
      <c r="P77" s="14"/>
      <c r="Q77" s="14"/>
      <c r="R77" s="14"/>
      <c r="S77" s="13"/>
      <c r="T77" s="13"/>
    </row>
    <row r="78" spans="1:21" ht="22.5" customHeight="1" x14ac:dyDescent="0.15">
      <c r="A78" s="14"/>
      <c r="B78" s="14"/>
      <c r="C78" s="14"/>
      <c r="D78" s="14"/>
      <c r="E78" s="14"/>
      <c r="F78" s="14"/>
      <c r="G78" s="14"/>
      <c r="H78" s="14"/>
      <c r="I78" s="13"/>
      <c r="J78" s="13"/>
      <c r="K78" s="14"/>
      <c r="L78" s="14"/>
      <c r="M78" s="14"/>
      <c r="N78" s="14"/>
      <c r="O78" s="14"/>
      <c r="P78" s="14"/>
      <c r="Q78" s="14"/>
      <c r="R78" s="14"/>
      <c r="S78" s="13"/>
      <c r="T78" s="13"/>
    </row>
    <row r="79" spans="1:21" ht="22.5" customHeight="1" x14ac:dyDescent="0.15">
      <c r="A79" s="14"/>
      <c r="B79" s="14"/>
      <c r="C79" s="14"/>
      <c r="D79" s="14"/>
      <c r="E79" s="14"/>
      <c r="F79" s="14"/>
      <c r="G79" s="14"/>
      <c r="H79" s="14"/>
      <c r="I79" s="13"/>
      <c r="J79" s="13"/>
      <c r="K79" s="14"/>
      <c r="L79" s="14"/>
      <c r="M79" s="14"/>
      <c r="N79" s="14"/>
      <c r="O79" s="14"/>
      <c r="P79" s="14"/>
      <c r="Q79" s="14"/>
      <c r="R79" s="14"/>
      <c r="S79" s="13"/>
      <c r="T79" s="13"/>
    </row>
    <row r="80" spans="1:21" ht="22.5" customHeight="1" x14ac:dyDescent="0.15">
      <c r="A80" s="14"/>
      <c r="B80" s="14"/>
      <c r="C80" s="14"/>
      <c r="D80" s="14"/>
      <c r="E80" s="14"/>
      <c r="F80" s="14"/>
      <c r="G80" s="14"/>
      <c r="H80" s="14"/>
      <c r="I80" s="13"/>
      <c r="J80" s="13"/>
      <c r="K80" s="14"/>
      <c r="L80" s="14"/>
      <c r="M80" s="14"/>
      <c r="N80" s="14"/>
      <c r="O80" s="14"/>
      <c r="P80" s="14"/>
      <c r="Q80" s="14"/>
      <c r="R80" s="14"/>
      <c r="S80" s="13"/>
      <c r="T80" s="13"/>
    </row>
    <row r="81" spans="1:20" ht="22.5" customHeight="1" x14ac:dyDescent="0.15">
      <c r="A81" s="14"/>
      <c r="B81" s="14"/>
      <c r="C81" s="14"/>
      <c r="D81" s="14"/>
      <c r="E81" s="14"/>
      <c r="F81" s="14"/>
      <c r="G81" s="14"/>
      <c r="H81" s="14"/>
      <c r="I81" s="13"/>
      <c r="J81" s="13"/>
      <c r="K81" s="14"/>
      <c r="L81" s="14"/>
      <c r="M81" s="14"/>
      <c r="N81" s="14"/>
      <c r="O81" s="14"/>
      <c r="P81" s="14"/>
      <c r="Q81" s="14"/>
      <c r="R81" s="14"/>
      <c r="S81" s="13"/>
      <c r="T81" s="13"/>
    </row>
    <row r="82" spans="1:20" ht="22.5" customHeight="1" x14ac:dyDescent="0.15">
      <c r="A82" s="14"/>
      <c r="B82" s="14"/>
      <c r="C82" s="14"/>
      <c r="D82" s="14"/>
      <c r="E82" s="14"/>
      <c r="F82" s="14"/>
      <c r="G82" s="14"/>
      <c r="H82" s="14"/>
      <c r="I82" s="13"/>
      <c r="J82" s="13"/>
      <c r="K82" s="14"/>
      <c r="L82" s="14"/>
      <c r="M82" s="14"/>
      <c r="N82" s="14"/>
      <c r="O82" s="14"/>
      <c r="P82" s="14"/>
      <c r="Q82" s="14"/>
      <c r="R82" s="14"/>
      <c r="S82" s="13"/>
      <c r="T82" s="13"/>
    </row>
    <row r="83" spans="1:20" ht="22.5" customHeight="1" x14ac:dyDescent="0.15">
      <c r="A83" s="14"/>
      <c r="B83" s="14"/>
      <c r="C83" s="14"/>
      <c r="D83" s="14"/>
      <c r="E83" s="14"/>
      <c r="F83" s="14"/>
      <c r="G83" s="14"/>
      <c r="H83" s="14"/>
      <c r="I83" s="13"/>
      <c r="J83" s="13"/>
      <c r="K83" s="14"/>
      <c r="L83" s="14"/>
      <c r="M83" s="14"/>
      <c r="N83" s="14"/>
      <c r="O83" s="14"/>
      <c r="P83" s="14"/>
      <c r="Q83" s="14"/>
      <c r="R83" s="14"/>
      <c r="S83" s="13"/>
      <c r="T83" s="13"/>
    </row>
    <row r="84" spans="1:20" ht="22.5" customHeight="1" x14ac:dyDescent="0.15">
      <c r="A84" s="14"/>
      <c r="B84" s="14"/>
      <c r="C84" s="14"/>
      <c r="D84" s="14"/>
      <c r="E84" s="14"/>
      <c r="F84" s="14"/>
      <c r="G84" s="14"/>
      <c r="H84" s="14"/>
      <c r="I84" s="13"/>
      <c r="J84" s="13"/>
      <c r="K84" s="14"/>
      <c r="L84" s="14"/>
      <c r="M84" s="14"/>
      <c r="N84" s="14"/>
      <c r="O84" s="14"/>
      <c r="P84" s="14"/>
      <c r="Q84" s="14"/>
      <c r="R84" s="14"/>
      <c r="S84" s="13"/>
      <c r="T84" s="13"/>
    </row>
    <row r="85" spans="1:20" ht="22.5" customHeight="1" x14ac:dyDescent="0.15">
      <c r="A85" s="14"/>
      <c r="B85" s="14"/>
      <c r="C85" s="14"/>
      <c r="D85" s="14"/>
      <c r="E85" s="14"/>
      <c r="F85" s="14"/>
      <c r="G85" s="14"/>
      <c r="H85" s="14"/>
      <c r="I85" s="13"/>
      <c r="J85" s="13"/>
      <c r="K85" s="14"/>
      <c r="L85" s="14"/>
      <c r="M85" s="14"/>
      <c r="N85" s="14"/>
      <c r="O85" s="14"/>
      <c r="P85" s="14"/>
      <c r="Q85" s="14"/>
      <c r="R85" s="14"/>
      <c r="S85" s="13"/>
      <c r="T85" s="13"/>
    </row>
    <row r="86" spans="1:20" ht="22.5" customHeight="1" x14ac:dyDescent="0.15">
      <c r="A86" s="14"/>
      <c r="B86" s="14"/>
      <c r="C86" s="14"/>
      <c r="D86" s="14"/>
      <c r="E86" s="14"/>
      <c r="F86" s="14"/>
      <c r="G86" s="14"/>
      <c r="H86" s="14"/>
      <c r="I86" s="13"/>
      <c r="J86" s="13"/>
      <c r="K86" s="14"/>
      <c r="L86" s="14"/>
      <c r="M86" s="14"/>
      <c r="N86" s="14"/>
      <c r="O86" s="14"/>
      <c r="P86" s="14"/>
      <c r="Q86" s="14"/>
      <c r="R86" s="14"/>
      <c r="S86" s="13"/>
      <c r="T86" s="13"/>
    </row>
    <row r="87" spans="1:20" ht="22.5" customHeight="1" x14ac:dyDescent="0.15">
      <c r="A87" s="14"/>
      <c r="B87" s="14"/>
      <c r="C87" s="14"/>
      <c r="D87" s="14"/>
      <c r="E87" s="14"/>
      <c r="F87" s="14"/>
      <c r="G87" s="14"/>
      <c r="H87" s="14"/>
      <c r="I87" s="13"/>
      <c r="J87" s="13"/>
      <c r="K87" s="14"/>
      <c r="L87" s="14"/>
      <c r="M87" s="14"/>
      <c r="N87" s="14"/>
      <c r="O87" s="14"/>
      <c r="P87" s="14"/>
      <c r="Q87" s="14"/>
      <c r="R87" s="14"/>
      <c r="S87" s="13"/>
      <c r="T87" s="13"/>
    </row>
    <row r="88" spans="1:20" ht="22.5" customHeight="1" x14ac:dyDescent="0.15">
      <c r="A88" s="14"/>
      <c r="B88" s="14"/>
      <c r="C88" s="14"/>
      <c r="D88" s="14"/>
      <c r="E88" s="14"/>
      <c r="F88" s="14"/>
      <c r="G88" s="14"/>
      <c r="H88" s="14"/>
      <c r="I88" s="13"/>
      <c r="J88" s="13"/>
      <c r="K88" s="14"/>
      <c r="L88" s="14"/>
      <c r="M88" s="14"/>
      <c r="N88" s="14"/>
      <c r="O88" s="14"/>
      <c r="P88" s="14"/>
      <c r="Q88" s="14"/>
      <c r="R88" s="14"/>
      <c r="S88" s="13"/>
      <c r="T88" s="13"/>
    </row>
    <row r="89" spans="1:20" ht="22.5" customHeight="1" x14ac:dyDescent="0.15">
      <c r="A89" s="14"/>
      <c r="B89" s="14"/>
      <c r="C89" s="14"/>
      <c r="D89" s="14"/>
      <c r="E89" s="14"/>
      <c r="F89" s="14"/>
      <c r="G89" s="14"/>
      <c r="H89" s="14"/>
      <c r="I89" s="13"/>
      <c r="J89" s="13"/>
      <c r="K89" s="14"/>
      <c r="L89" s="14"/>
      <c r="M89" s="14"/>
      <c r="N89" s="14"/>
      <c r="O89" s="14"/>
      <c r="P89" s="14"/>
      <c r="Q89" s="14"/>
      <c r="R89" s="14"/>
      <c r="S89" s="13"/>
      <c r="T89" s="13"/>
    </row>
    <row r="90" spans="1:20" ht="22.5" customHeight="1" x14ac:dyDescent="0.15">
      <c r="A90" s="14"/>
      <c r="B90" s="14"/>
      <c r="C90" s="14"/>
      <c r="D90" s="14"/>
      <c r="E90" s="14"/>
      <c r="F90" s="14"/>
      <c r="G90" s="14"/>
      <c r="H90" s="14"/>
      <c r="I90" s="13"/>
      <c r="J90" s="13"/>
      <c r="K90" s="14"/>
      <c r="L90" s="14"/>
      <c r="M90" s="14"/>
      <c r="N90" s="14"/>
      <c r="O90" s="14"/>
      <c r="P90" s="14"/>
      <c r="Q90" s="14"/>
      <c r="R90" s="14"/>
      <c r="S90" s="13"/>
      <c r="T90" s="13"/>
    </row>
    <row r="91" spans="1:20" ht="22.5" customHeight="1" x14ac:dyDescent="0.15">
      <c r="A91" s="14"/>
      <c r="B91" s="14"/>
      <c r="C91" s="14"/>
      <c r="D91" s="14"/>
      <c r="E91" s="14"/>
      <c r="F91" s="14"/>
      <c r="G91" s="14"/>
      <c r="H91" s="14"/>
      <c r="I91" s="13"/>
      <c r="J91" s="13"/>
      <c r="K91" s="14"/>
      <c r="L91" s="14"/>
      <c r="M91" s="14"/>
      <c r="N91" s="14"/>
      <c r="O91" s="14"/>
      <c r="P91" s="14"/>
      <c r="Q91" s="14"/>
      <c r="R91" s="14"/>
      <c r="S91" s="13"/>
      <c r="T91" s="13"/>
    </row>
    <row r="92" spans="1:20" ht="22.5" customHeight="1" x14ac:dyDescent="0.15">
      <c r="A92" s="14"/>
      <c r="B92" s="14"/>
      <c r="C92" s="14"/>
      <c r="D92" s="14"/>
      <c r="E92" s="14"/>
      <c r="F92" s="14"/>
      <c r="G92" s="14"/>
      <c r="H92" s="14"/>
      <c r="I92" s="13"/>
      <c r="J92" s="13"/>
      <c r="K92" s="14"/>
      <c r="L92" s="14"/>
      <c r="M92" s="14"/>
      <c r="N92" s="14"/>
      <c r="O92" s="14"/>
      <c r="P92" s="14"/>
      <c r="Q92" s="14"/>
      <c r="R92" s="14"/>
      <c r="S92" s="13"/>
      <c r="T92" s="13"/>
    </row>
    <row r="93" spans="1:20" ht="22.5" customHeight="1" x14ac:dyDescent="0.15">
      <c r="A93" s="14"/>
      <c r="B93" s="14"/>
      <c r="C93" s="14"/>
      <c r="D93" s="14"/>
      <c r="E93" s="14"/>
      <c r="F93" s="14"/>
      <c r="G93" s="14"/>
      <c r="H93" s="14"/>
      <c r="I93" s="13"/>
      <c r="J93" s="13"/>
      <c r="K93" s="14"/>
      <c r="L93" s="14"/>
      <c r="M93" s="14"/>
      <c r="N93" s="14"/>
      <c r="O93" s="14"/>
      <c r="P93" s="14"/>
      <c r="Q93" s="14"/>
      <c r="R93" s="14"/>
      <c r="S93" s="13"/>
      <c r="T93" s="13"/>
    </row>
    <row r="94" spans="1:20" ht="22.5" customHeight="1" x14ac:dyDescent="0.15">
      <c r="A94" s="14"/>
      <c r="B94" s="14"/>
      <c r="C94" s="14"/>
      <c r="D94" s="14"/>
      <c r="E94" s="14"/>
      <c r="F94" s="14"/>
      <c r="G94" s="14"/>
      <c r="H94" s="14"/>
      <c r="I94" s="13"/>
      <c r="J94" s="13"/>
      <c r="K94" s="14"/>
      <c r="L94" s="14"/>
      <c r="M94" s="14"/>
      <c r="N94" s="14"/>
      <c r="O94" s="14"/>
      <c r="P94" s="14"/>
      <c r="Q94" s="14"/>
      <c r="R94" s="14"/>
      <c r="S94" s="13"/>
      <c r="T94" s="13"/>
    </row>
    <row r="95" spans="1:20" ht="22.5" customHeight="1" x14ac:dyDescent="0.15">
      <c r="A95" s="14"/>
      <c r="B95" s="14"/>
      <c r="C95" s="14"/>
      <c r="D95" s="14"/>
      <c r="E95" s="14"/>
      <c r="F95" s="14"/>
      <c r="G95" s="14"/>
      <c r="H95" s="14"/>
      <c r="I95" s="13"/>
      <c r="J95" s="13"/>
      <c r="K95" s="14"/>
      <c r="L95" s="14"/>
      <c r="M95" s="14"/>
      <c r="N95" s="14"/>
      <c r="O95" s="14"/>
      <c r="P95" s="14"/>
      <c r="Q95" s="14"/>
      <c r="R95" s="14"/>
      <c r="S95" s="13"/>
      <c r="T95" s="13"/>
    </row>
    <row r="96" spans="1:20" ht="22.5" customHeight="1" x14ac:dyDescent="0.15">
      <c r="A96" s="14"/>
      <c r="B96" s="14"/>
      <c r="C96" s="14"/>
      <c r="D96" s="14"/>
      <c r="E96" s="14"/>
      <c r="F96" s="14"/>
      <c r="G96" s="14"/>
      <c r="H96" s="14"/>
      <c r="I96" s="13"/>
      <c r="J96" s="13"/>
      <c r="K96" s="14"/>
      <c r="L96" s="14"/>
      <c r="M96" s="14"/>
      <c r="N96" s="14"/>
      <c r="O96" s="14"/>
      <c r="P96" s="14"/>
      <c r="Q96" s="14"/>
      <c r="R96" s="14"/>
      <c r="S96" s="13"/>
      <c r="T96" s="13"/>
    </row>
    <row r="97" spans="1:20" ht="22.5" customHeight="1" x14ac:dyDescent="0.15">
      <c r="A97" s="14"/>
      <c r="B97" s="14"/>
      <c r="C97" s="14"/>
      <c r="D97" s="14"/>
      <c r="E97" s="14"/>
      <c r="F97" s="14"/>
      <c r="G97" s="14"/>
      <c r="H97" s="14"/>
      <c r="I97" s="13"/>
      <c r="J97" s="13"/>
      <c r="K97" s="14"/>
      <c r="L97" s="14"/>
      <c r="M97" s="14"/>
      <c r="N97" s="14"/>
      <c r="O97" s="14"/>
      <c r="P97" s="14"/>
      <c r="Q97" s="14"/>
      <c r="R97" s="14"/>
      <c r="S97" s="13"/>
      <c r="T97" s="13"/>
    </row>
    <row r="98" spans="1:20" ht="22.5" customHeight="1" x14ac:dyDescent="0.15">
      <c r="A98" s="14"/>
      <c r="B98" s="14"/>
      <c r="C98" s="14"/>
      <c r="D98" s="14"/>
      <c r="E98" s="14"/>
      <c r="F98" s="14"/>
      <c r="G98" s="14"/>
      <c r="H98" s="14"/>
      <c r="I98" s="13"/>
      <c r="J98" s="13"/>
      <c r="K98" s="14"/>
      <c r="L98" s="14"/>
      <c r="M98" s="14"/>
      <c r="N98" s="14"/>
      <c r="O98" s="14"/>
      <c r="P98" s="14"/>
      <c r="Q98" s="14"/>
      <c r="R98" s="14"/>
      <c r="S98" s="13"/>
      <c r="T98" s="13"/>
    </row>
    <row r="99" spans="1:20" ht="22.5" customHeight="1" x14ac:dyDescent="0.15">
      <c r="A99" s="14"/>
      <c r="B99" s="14"/>
      <c r="C99" s="14"/>
      <c r="D99" s="14"/>
      <c r="E99" s="14"/>
      <c r="F99" s="14"/>
      <c r="G99" s="14"/>
      <c r="H99" s="14"/>
      <c r="I99" s="13"/>
      <c r="J99" s="13"/>
      <c r="K99" s="14"/>
      <c r="L99" s="14"/>
      <c r="M99" s="14"/>
      <c r="N99" s="14"/>
      <c r="O99" s="14"/>
      <c r="P99" s="14"/>
      <c r="Q99" s="14"/>
      <c r="R99" s="14"/>
      <c r="S99" s="13"/>
      <c r="T99" s="13"/>
    </row>
    <row r="100" spans="1:20" ht="22.5" customHeight="1" x14ac:dyDescent="0.15">
      <c r="A100" s="14"/>
      <c r="B100" s="14"/>
      <c r="C100" s="14"/>
      <c r="D100" s="14"/>
      <c r="E100" s="14"/>
      <c r="F100" s="14"/>
      <c r="G100" s="14"/>
      <c r="H100" s="14"/>
      <c r="I100" s="13"/>
      <c r="J100" s="13"/>
      <c r="K100" s="14"/>
      <c r="L100" s="14"/>
      <c r="M100" s="14"/>
      <c r="N100" s="14"/>
      <c r="O100" s="14"/>
      <c r="P100" s="14"/>
      <c r="Q100" s="14"/>
      <c r="R100" s="14"/>
      <c r="S100" s="13"/>
      <c r="T100" s="13"/>
    </row>
    <row r="101" spans="1:20" ht="22.5" customHeight="1" x14ac:dyDescent="0.15">
      <c r="A101" s="14"/>
      <c r="B101" s="14"/>
      <c r="C101" s="14"/>
      <c r="D101" s="14"/>
      <c r="E101" s="14"/>
      <c r="F101" s="14"/>
      <c r="G101" s="14"/>
      <c r="H101" s="14"/>
      <c r="I101" s="13"/>
      <c r="J101" s="13"/>
      <c r="K101" s="14"/>
      <c r="L101" s="14"/>
      <c r="M101" s="14"/>
      <c r="N101" s="14"/>
      <c r="O101" s="14"/>
      <c r="P101" s="14"/>
      <c r="Q101" s="14"/>
      <c r="R101" s="14"/>
      <c r="S101" s="13"/>
      <c r="T101" s="13"/>
    </row>
    <row r="102" spans="1:20" ht="22.5" customHeight="1" x14ac:dyDescent="0.15">
      <c r="A102" s="14"/>
      <c r="B102" s="14"/>
      <c r="C102" s="14"/>
      <c r="D102" s="14"/>
      <c r="E102" s="14"/>
      <c r="F102" s="14"/>
      <c r="G102" s="14"/>
      <c r="H102" s="14"/>
      <c r="I102" s="13"/>
      <c r="J102" s="13"/>
      <c r="K102" s="14"/>
      <c r="L102" s="14"/>
      <c r="M102" s="14"/>
      <c r="N102" s="14"/>
      <c r="O102" s="14"/>
      <c r="P102" s="14"/>
      <c r="Q102" s="14"/>
      <c r="R102" s="14"/>
      <c r="S102" s="13"/>
      <c r="T102" s="13"/>
    </row>
    <row r="103" spans="1:20" ht="22.5" customHeight="1" x14ac:dyDescent="0.15">
      <c r="A103" s="14"/>
      <c r="B103" s="14"/>
      <c r="C103" s="14"/>
      <c r="D103" s="14"/>
      <c r="E103" s="14"/>
      <c r="F103" s="14"/>
      <c r="G103" s="14"/>
      <c r="H103" s="14"/>
      <c r="I103" s="13"/>
      <c r="J103" s="13"/>
      <c r="K103" s="14"/>
      <c r="L103" s="14"/>
      <c r="M103" s="14"/>
      <c r="N103" s="14"/>
      <c r="O103" s="14"/>
      <c r="P103" s="14"/>
      <c r="Q103" s="14"/>
      <c r="R103" s="14"/>
      <c r="S103" s="13"/>
      <c r="T103" s="13"/>
    </row>
    <row r="104" spans="1:20" ht="22.5" customHeight="1" x14ac:dyDescent="0.15">
      <c r="A104" s="14"/>
      <c r="B104" s="14"/>
      <c r="C104" s="14"/>
      <c r="D104" s="14"/>
      <c r="E104" s="14"/>
      <c r="F104" s="14"/>
      <c r="G104" s="14"/>
      <c r="H104" s="14"/>
      <c r="I104" s="13"/>
      <c r="J104" s="13"/>
      <c r="K104" s="14"/>
      <c r="L104" s="14"/>
      <c r="M104" s="14"/>
      <c r="N104" s="14"/>
      <c r="O104" s="14"/>
      <c r="P104" s="14"/>
      <c r="Q104" s="14"/>
      <c r="R104" s="14"/>
      <c r="S104" s="13"/>
      <c r="T104" s="13"/>
    </row>
    <row r="105" spans="1:20" ht="22.5" customHeight="1" x14ac:dyDescent="0.15">
      <c r="A105" s="14"/>
      <c r="B105" s="14"/>
      <c r="C105" s="14"/>
      <c r="D105" s="14"/>
      <c r="E105" s="14"/>
      <c r="F105" s="14"/>
      <c r="G105" s="14"/>
      <c r="H105" s="14"/>
      <c r="I105" s="13"/>
      <c r="J105" s="13"/>
      <c r="K105" s="14"/>
      <c r="L105" s="14"/>
      <c r="M105" s="14"/>
      <c r="N105" s="14"/>
      <c r="O105" s="14"/>
      <c r="P105" s="14"/>
      <c r="Q105" s="14"/>
      <c r="R105" s="14"/>
      <c r="S105" s="13"/>
      <c r="T105" s="13"/>
    </row>
    <row r="106" spans="1:20" ht="22.5" customHeight="1" x14ac:dyDescent="0.15">
      <c r="A106" s="14"/>
      <c r="B106" s="14"/>
      <c r="C106" s="14"/>
      <c r="D106" s="14"/>
      <c r="E106" s="14"/>
      <c r="F106" s="14"/>
      <c r="G106" s="14"/>
      <c r="H106" s="14"/>
      <c r="I106" s="13"/>
      <c r="J106" s="13"/>
      <c r="K106" s="14"/>
      <c r="L106" s="14"/>
      <c r="M106" s="14"/>
      <c r="N106" s="14"/>
      <c r="O106" s="14"/>
      <c r="P106" s="14"/>
      <c r="Q106" s="14"/>
      <c r="R106" s="14"/>
      <c r="S106" s="13"/>
      <c r="T106" s="13"/>
    </row>
    <row r="107" spans="1:20" ht="22.5" customHeight="1" x14ac:dyDescent="0.15">
      <c r="A107" s="14"/>
      <c r="B107" s="14"/>
      <c r="C107" s="14"/>
      <c r="D107" s="14"/>
      <c r="E107" s="14"/>
      <c r="F107" s="14"/>
      <c r="G107" s="14"/>
      <c r="H107" s="14"/>
      <c r="I107" s="13"/>
      <c r="J107" s="13"/>
      <c r="K107" s="14"/>
      <c r="L107" s="14"/>
      <c r="M107" s="14"/>
      <c r="N107" s="14"/>
      <c r="O107" s="14"/>
      <c r="P107" s="14"/>
      <c r="Q107" s="14"/>
      <c r="R107" s="14"/>
      <c r="S107" s="13"/>
      <c r="T107" s="13"/>
    </row>
    <row r="108" spans="1:20" ht="22.5" customHeight="1" x14ac:dyDescent="0.15">
      <c r="A108" s="14"/>
      <c r="B108" s="14"/>
      <c r="C108" s="14"/>
      <c r="D108" s="14"/>
      <c r="E108" s="14"/>
      <c r="F108" s="14"/>
      <c r="G108" s="14"/>
      <c r="H108" s="14"/>
      <c r="I108" s="13"/>
      <c r="J108" s="13"/>
      <c r="K108" s="14"/>
      <c r="L108" s="14"/>
      <c r="M108" s="14"/>
      <c r="N108" s="14"/>
      <c r="O108" s="14"/>
      <c r="P108" s="14"/>
      <c r="Q108" s="14"/>
      <c r="R108" s="14"/>
      <c r="S108" s="13"/>
      <c r="T108" s="13"/>
    </row>
    <row r="109" spans="1:20" ht="22.5" customHeight="1" x14ac:dyDescent="0.15">
      <c r="I109" s="12"/>
      <c r="J109" s="12"/>
      <c r="S109" s="12"/>
      <c r="T109" s="12"/>
    </row>
    <row r="110" spans="1:20" ht="22.5" customHeight="1" x14ac:dyDescent="0.15">
      <c r="I110" s="12"/>
      <c r="J110" s="12"/>
      <c r="S110" s="12"/>
      <c r="T110" s="12"/>
    </row>
    <row r="111" spans="1:20" ht="22.5" customHeight="1" x14ac:dyDescent="0.15">
      <c r="I111" s="12"/>
      <c r="J111" s="12"/>
      <c r="S111" s="12"/>
      <c r="T111" s="12"/>
    </row>
    <row r="112" spans="1:20" ht="22.5" customHeight="1" x14ac:dyDescent="0.15">
      <c r="I112" s="12"/>
      <c r="J112" s="12"/>
      <c r="S112" s="12"/>
      <c r="T112" s="12"/>
    </row>
    <row r="113" spans="9:20" ht="22.5" customHeight="1" x14ac:dyDescent="0.15">
      <c r="I113" s="12"/>
      <c r="J113" s="12"/>
      <c r="S113" s="12"/>
      <c r="T113" s="12"/>
    </row>
    <row r="114" spans="9:20" ht="22.5" customHeight="1" x14ac:dyDescent="0.15">
      <c r="I114" s="12"/>
      <c r="J114" s="12"/>
      <c r="S114" s="12"/>
      <c r="T114" s="12"/>
    </row>
    <row r="115" spans="9:20" ht="22.5" customHeight="1" x14ac:dyDescent="0.15">
      <c r="I115" s="12"/>
      <c r="J115" s="12"/>
      <c r="S115" s="12"/>
      <c r="T115" s="12"/>
    </row>
    <row r="116" spans="9:20" ht="22.5" customHeight="1" x14ac:dyDescent="0.15">
      <c r="I116" s="12"/>
      <c r="J116" s="12"/>
      <c r="S116" s="12"/>
      <c r="T116" s="12"/>
    </row>
    <row r="117" spans="9:20" ht="22.5" customHeight="1" x14ac:dyDescent="0.15">
      <c r="I117" s="12"/>
      <c r="J117" s="12"/>
      <c r="S117" s="12"/>
      <c r="T117" s="12"/>
    </row>
    <row r="118" spans="9:20" ht="22.5" customHeight="1" x14ac:dyDescent="0.15">
      <c r="I118" s="12"/>
      <c r="J118" s="12"/>
      <c r="S118" s="12"/>
      <c r="T118" s="12"/>
    </row>
    <row r="119" spans="9:20" ht="22.5" customHeight="1" x14ac:dyDescent="0.15">
      <c r="I119" s="12"/>
      <c r="J119" s="12"/>
      <c r="S119" s="12"/>
      <c r="T119" s="12"/>
    </row>
    <row r="120" spans="9:20" ht="22.5" customHeight="1" x14ac:dyDescent="0.15">
      <c r="I120" s="12"/>
      <c r="J120" s="12"/>
      <c r="S120" s="12"/>
      <c r="T120" s="12"/>
    </row>
    <row r="121" spans="9:20" ht="22.5" customHeight="1" x14ac:dyDescent="0.15">
      <c r="I121" s="12"/>
      <c r="J121" s="12"/>
      <c r="S121" s="12"/>
      <c r="T121" s="12"/>
    </row>
    <row r="122" spans="9:20" ht="22.5" customHeight="1" x14ac:dyDescent="0.15">
      <c r="I122" s="12"/>
      <c r="J122" s="12"/>
      <c r="S122" s="12"/>
      <c r="T122" s="12"/>
    </row>
    <row r="123" spans="9:20" ht="22.5" customHeight="1" x14ac:dyDescent="0.15">
      <c r="I123" s="12"/>
      <c r="J123" s="12"/>
      <c r="S123" s="12"/>
      <c r="T123" s="12"/>
    </row>
    <row r="124" spans="9:20" ht="22.5" customHeight="1" x14ac:dyDescent="0.15">
      <c r="I124" s="12"/>
      <c r="J124" s="12"/>
      <c r="S124" s="12"/>
      <c r="T124" s="12"/>
    </row>
    <row r="125" spans="9:20" ht="22.5" customHeight="1" x14ac:dyDescent="0.15">
      <c r="I125" s="12"/>
      <c r="J125" s="12"/>
      <c r="S125" s="12"/>
      <c r="T125" s="12"/>
    </row>
    <row r="126" spans="9:20" ht="22.5" customHeight="1" x14ac:dyDescent="0.15">
      <c r="I126" s="12"/>
      <c r="J126" s="12"/>
      <c r="S126" s="12"/>
      <c r="T126" s="12"/>
    </row>
    <row r="127" spans="9:20" ht="22.5" customHeight="1" x14ac:dyDescent="0.15">
      <c r="I127" s="12"/>
      <c r="J127" s="12"/>
      <c r="S127" s="12"/>
      <c r="T127" s="12"/>
    </row>
    <row r="128" spans="9:20" ht="22.5" customHeight="1" x14ac:dyDescent="0.15">
      <c r="I128" s="12"/>
      <c r="J128" s="12"/>
      <c r="S128" s="12"/>
      <c r="T128" s="12"/>
    </row>
    <row r="129" spans="9:20" ht="22.5" customHeight="1" x14ac:dyDescent="0.15">
      <c r="I129" s="12"/>
      <c r="J129" s="12"/>
      <c r="S129" s="12"/>
      <c r="T129" s="12"/>
    </row>
    <row r="130" spans="9:20" ht="22.5" customHeight="1" x14ac:dyDescent="0.15">
      <c r="I130" s="12"/>
      <c r="J130" s="12"/>
      <c r="S130" s="12"/>
      <c r="T130" s="12"/>
    </row>
    <row r="131" spans="9:20" ht="22.5" customHeight="1" x14ac:dyDescent="0.15">
      <c r="I131" s="12"/>
      <c r="J131" s="12"/>
      <c r="S131" s="12"/>
      <c r="T131" s="12"/>
    </row>
    <row r="132" spans="9:20" ht="22.5" customHeight="1" x14ac:dyDescent="0.15">
      <c r="I132" s="12"/>
      <c r="J132" s="12"/>
      <c r="S132" s="12"/>
      <c r="T132" s="12"/>
    </row>
    <row r="133" spans="9:20" ht="22.5" customHeight="1" x14ac:dyDescent="0.15">
      <c r="I133" s="12"/>
      <c r="J133" s="12"/>
      <c r="S133" s="12"/>
      <c r="T133" s="12"/>
    </row>
    <row r="134" spans="9:20" ht="22.5" customHeight="1" x14ac:dyDescent="0.15">
      <c r="I134" s="12"/>
      <c r="J134" s="12"/>
      <c r="S134" s="12"/>
      <c r="T134" s="12"/>
    </row>
    <row r="135" spans="9:20" ht="22.5" customHeight="1" x14ac:dyDescent="0.15">
      <c r="I135" s="12"/>
      <c r="J135" s="12"/>
      <c r="S135" s="12"/>
      <c r="T135" s="12"/>
    </row>
    <row r="136" spans="9:20" ht="22.5" customHeight="1" x14ac:dyDescent="0.15">
      <c r="I136" s="12"/>
      <c r="J136" s="12"/>
      <c r="S136" s="12"/>
      <c r="T136" s="12"/>
    </row>
    <row r="137" spans="9:20" ht="22.5" customHeight="1" x14ac:dyDescent="0.15">
      <c r="I137" s="12"/>
      <c r="J137" s="12"/>
      <c r="S137" s="12"/>
      <c r="T137" s="12"/>
    </row>
    <row r="138" spans="9:20" ht="22.5" customHeight="1" x14ac:dyDescent="0.15">
      <c r="I138" s="12"/>
      <c r="J138" s="12"/>
      <c r="S138" s="12"/>
      <c r="T138" s="12"/>
    </row>
    <row r="139" spans="9:20" ht="22.5" customHeight="1" x14ac:dyDescent="0.15">
      <c r="I139" s="12"/>
      <c r="J139" s="12"/>
      <c r="S139" s="12"/>
      <c r="T139" s="12"/>
    </row>
    <row r="140" spans="9:20" ht="22.5" customHeight="1" x14ac:dyDescent="0.15">
      <c r="I140" s="12"/>
      <c r="J140" s="12"/>
      <c r="S140" s="12"/>
      <c r="T140" s="12"/>
    </row>
    <row r="141" spans="9:20" ht="22.5" customHeight="1" x14ac:dyDescent="0.15">
      <c r="I141" s="12"/>
      <c r="J141" s="12"/>
      <c r="S141" s="12"/>
      <c r="T141" s="12"/>
    </row>
    <row r="142" spans="9:20" ht="22.5" customHeight="1" x14ac:dyDescent="0.15">
      <c r="I142" s="12"/>
      <c r="J142" s="12"/>
      <c r="S142" s="12"/>
      <c r="T142" s="12"/>
    </row>
    <row r="143" spans="9:20" ht="22.5" customHeight="1" x14ac:dyDescent="0.15">
      <c r="I143" s="12"/>
      <c r="J143" s="12"/>
      <c r="S143" s="12"/>
      <c r="T143" s="12"/>
    </row>
    <row r="144" spans="9:20" ht="22.5" customHeight="1" x14ac:dyDescent="0.15">
      <c r="I144" s="12"/>
      <c r="J144" s="12"/>
      <c r="S144" s="12"/>
      <c r="T144" s="12"/>
    </row>
    <row r="145" spans="9:20" ht="22.5" customHeight="1" x14ac:dyDescent="0.15">
      <c r="I145" s="12"/>
      <c r="J145" s="12"/>
      <c r="S145" s="12"/>
      <c r="T145" s="12"/>
    </row>
    <row r="146" spans="9:20" ht="22.5" customHeight="1" x14ac:dyDescent="0.15">
      <c r="I146" s="12"/>
      <c r="J146" s="12"/>
      <c r="S146" s="12"/>
      <c r="T146" s="12"/>
    </row>
    <row r="147" spans="9:20" ht="22.5" customHeight="1" x14ac:dyDescent="0.15">
      <c r="I147" s="12"/>
      <c r="J147" s="12"/>
      <c r="S147" s="12"/>
      <c r="T147" s="12"/>
    </row>
    <row r="148" spans="9:20" ht="22.5" customHeight="1" x14ac:dyDescent="0.15">
      <c r="I148" s="12"/>
      <c r="J148" s="12"/>
      <c r="S148" s="12"/>
      <c r="T148" s="12"/>
    </row>
    <row r="149" spans="9:20" ht="22.5" customHeight="1" x14ac:dyDescent="0.15">
      <c r="I149" s="12"/>
      <c r="J149" s="12"/>
      <c r="S149" s="12"/>
      <c r="T149" s="12"/>
    </row>
    <row r="150" spans="9:20" ht="22.5" customHeight="1" x14ac:dyDescent="0.15">
      <c r="I150" s="12"/>
      <c r="J150" s="12"/>
      <c r="S150" s="12"/>
      <c r="T150" s="12"/>
    </row>
    <row r="151" spans="9:20" ht="22.5" customHeight="1" x14ac:dyDescent="0.15">
      <c r="I151" s="12"/>
      <c r="J151" s="12"/>
      <c r="S151" s="12"/>
      <c r="T151" s="12"/>
    </row>
    <row r="152" spans="9:20" ht="22.5" customHeight="1" x14ac:dyDescent="0.15">
      <c r="I152" s="12"/>
      <c r="J152" s="12"/>
      <c r="S152" s="12"/>
      <c r="T152" s="12"/>
    </row>
    <row r="153" spans="9:20" ht="22.5" customHeight="1" x14ac:dyDescent="0.15">
      <c r="I153" s="12"/>
      <c r="J153" s="12"/>
      <c r="S153" s="12"/>
      <c r="T153" s="12"/>
    </row>
    <row r="154" spans="9:20" ht="22.5" customHeight="1" x14ac:dyDescent="0.15">
      <c r="I154" s="12"/>
      <c r="J154" s="12"/>
      <c r="S154" s="12"/>
      <c r="T154" s="12"/>
    </row>
    <row r="155" spans="9:20" ht="22.5" customHeight="1" x14ac:dyDescent="0.15">
      <c r="I155" s="12"/>
      <c r="J155" s="12"/>
      <c r="S155" s="12"/>
      <c r="T155" s="12"/>
    </row>
    <row r="156" spans="9:20" ht="22.5" customHeight="1" x14ac:dyDescent="0.15">
      <c r="I156" s="12"/>
      <c r="J156" s="12"/>
      <c r="S156" s="12"/>
      <c r="T156" s="12"/>
    </row>
    <row r="157" spans="9:20" ht="22.5" customHeight="1" x14ac:dyDescent="0.15">
      <c r="I157" s="12"/>
      <c r="J157" s="12"/>
      <c r="S157" s="12"/>
      <c r="T157" s="12"/>
    </row>
    <row r="158" spans="9:20" ht="22.5" customHeight="1" x14ac:dyDescent="0.15">
      <c r="I158" s="12"/>
      <c r="J158" s="12"/>
      <c r="S158" s="12"/>
      <c r="T158" s="12"/>
    </row>
    <row r="159" spans="9:20" ht="22.5" customHeight="1" x14ac:dyDescent="0.15">
      <c r="I159" s="12"/>
      <c r="J159" s="12"/>
      <c r="S159" s="12"/>
      <c r="T159" s="12"/>
    </row>
    <row r="160" spans="9:20" ht="22.5" customHeight="1" x14ac:dyDescent="0.15">
      <c r="I160" s="12"/>
      <c r="J160" s="12"/>
      <c r="S160" s="12"/>
      <c r="T160" s="12"/>
    </row>
    <row r="161" spans="9:20" ht="22.5" customHeight="1" x14ac:dyDescent="0.15">
      <c r="I161" s="12"/>
      <c r="J161" s="12"/>
      <c r="S161" s="12"/>
      <c r="T161" s="12"/>
    </row>
    <row r="162" spans="9:20" ht="22.5" customHeight="1" x14ac:dyDescent="0.15">
      <c r="I162" s="12"/>
      <c r="J162" s="12"/>
      <c r="S162" s="12"/>
      <c r="T162" s="12"/>
    </row>
    <row r="163" spans="9:20" ht="22.5" customHeight="1" x14ac:dyDescent="0.15">
      <c r="I163" s="12"/>
      <c r="J163" s="12"/>
      <c r="S163" s="12"/>
      <c r="T163" s="12"/>
    </row>
    <row r="164" spans="9:20" ht="22.5" customHeight="1" x14ac:dyDescent="0.15">
      <c r="I164" s="12"/>
      <c r="J164" s="12"/>
      <c r="S164" s="12"/>
      <c r="T164" s="12"/>
    </row>
    <row r="165" spans="9:20" ht="22.5" customHeight="1" x14ac:dyDescent="0.15">
      <c r="I165" s="12"/>
      <c r="J165" s="12"/>
      <c r="S165" s="12"/>
      <c r="T165" s="12"/>
    </row>
    <row r="166" spans="9:20" ht="22.5" customHeight="1" x14ac:dyDescent="0.15">
      <c r="I166" s="12"/>
      <c r="J166" s="12"/>
      <c r="S166" s="12"/>
      <c r="T166" s="12"/>
    </row>
    <row r="167" spans="9:20" ht="22.5" customHeight="1" x14ac:dyDescent="0.15">
      <c r="I167" s="12"/>
      <c r="J167" s="12"/>
      <c r="S167" s="12"/>
      <c r="T167" s="12"/>
    </row>
    <row r="168" spans="9:20" ht="22.5" customHeight="1" x14ac:dyDescent="0.15">
      <c r="I168" s="12"/>
      <c r="J168" s="12"/>
      <c r="S168" s="12"/>
      <c r="T168" s="12"/>
    </row>
    <row r="169" spans="9:20" ht="22.5" customHeight="1" x14ac:dyDescent="0.15">
      <c r="I169" s="12"/>
      <c r="J169" s="12"/>
      <c r="S169" s="12"/>
      <c r="T169" s="12"/>
    </row>
    <row r="170" spans="9:20" ht="22.5" customHeight="1" x14ac:dyDescent="0.15">
      <c r="I170" s="12"/>
      <c r="J170" s="12"/>
      <c r="S170" s="12"/>
      <c r="T170" s="12"/>
    </row>
    <row r="171" spans="9:20" ht="22.5" customHeight="1" x14ac:dyDescent="0.15">
      <c r="I171" s="12"/>
      <c r="J171" s="12"/>
      <c r="S171" s="12"/>
      <c r="T171" s="12"/>
    </row>
    <row r="172" spans="9:20" ht="22.5" customHeight="1" x14ac:dyDescent="0.15">
      <c r="I172" s="12"/>
      <c r="J172" s="12"/>
      <c r="S172" s="12"/>
      <c r="T172" s="12"/>
    </row>
    <row r="173" spans="9:20" ht="22.5" customHeight="1" x14ac:dyDescent="0.15">
      <c r="I173" s="12"/>
      <c r="J173" s="12"/>
      <c r="S173" s="12"/>
      <c r="T173" s="12"/>
    </row>
    <row r="174" spans="9:20" ht="22.5" customHeight="1" x14ac:dyDescent="0.15">
      <c r="I174" s="12"/>
      <c r="J174" s="12"/>
      <c r="S174" s="12"/>
      <c r="T174" s="12"/>
    </row>
    <row r="175" spans="9:20" ht="22.5" customHeight="1" x14ac:dyDescent="0.15">
      <c r="I175" s="12"/>
      <c r="J175" s="12"/>
      <c r="S175" s="12"/>
      <c r="T175" s="12"/>
    </row>
    <row r="176" spans="9:20" ht="22.5" customHeight="1" x14ac:dyDescent="0.15">
      <c r="I176" s="12"/>
      <c r="J176" s="12"/>
      <c r="S176" s="12"/>
      <c r="T176" s="12"/>
    </row>
    <row r="177" spans="9:20" ht="22.5" customHeight="1" x14ac:dyDescent="0.15">
      <c r="I177" s="12"/>
      <c r="J177" s="12"/>
      <c r="S177" s="12"/>
      <c r="T177" s="12"/>
    </row>
    <row r="178" spans="9:20" ht="22.5" customHeight="1" x14ac:dyDescent="0.15">
      <c r="I178" s="12"/>
      <c r="J178" s="12"/>
      <c r="S178" s="12"/>
      <c r="T178" s="12"/>
    </row>
    <row r="179" spans="9:20" ht="22.5" customHeight="1" x14ac:dyDescent="0.15">
      <c r="I179" s="12"/>
      <c r="J179" s="12"/>
      <c r="S179" s="12"/>
      <c r="T179" s="12"/>
    </row>
    <row r="180" spans="9:20" ht="22.5" customHeight="1" x14ac:dyDescent="0.15">
      <c r="I180" s="12"/>
      <c r="J180" s="12"/>
      <c r="S180" s="12"/>
      <c r="T180" s="12"/>
    </row>
    <row r="181" spans="9:20" ht="22.5" customHeight="1" x14ac:dyDescent="0.15">
      <c r="I181" s="12"/>
      <c r="J181" s="12"/>
      <c r="S181" s="12"/>
      <c r="T181" s="12"/>
    </row>
    <row r="182" spans="9:20" ht="22.5" customHeight="1" x14ac:dyDescent="0.15">
      <c r="I182" s="12"/>
      <c r="J182" s="12"/>
      <c r="S182" s="12"/>
      <c r="T182" s="12"/>
    </row>
    <row r="183" spans="9:20" ht="22.5" customHeight="1" x14ac:dyDescent="0.15">
      <c r="I183" s="12"/>
      <c r="J183" s="12"/>
      <c r="S183" s="12"/>
      <c r="T183" s="12"/>
    </row>
    <row r="184" spans="9:20" ht="22.5" customHeight="1" x14ac:dyDescent="0.15">
      <c r="I184" s="12"/>
      <c r="J184" s="12"/>
      <c r="S184" s="12"/>
      <c r="T184" s="12"/>
    </row>
    <row r="185" spans="9:20" ht="22.5" customHeight="1" x14ac:dyDescent="0.15">
      <c r="I185" s="12"/>
      <c r="J185" s="12"/>
      <c r="S185" s="12"/>
      <c r="T185" s="12"/>
    </row>
    <row r="186" spans="9:20" ht="22.5" customHeight="1" x14ac:dyDescent="0.15">
      <c r="I186" s="12"/>
      <c r="J186" s="12"/>
      <c r="S186" s="12"/>
      <c r="T186" s="12"/>
    </row>
    <row r="187" spans="9:20" ht="22.5" customHeight="1" x14ac:dyDescent="0.15">
      <c r="I187" s="12"/>
      <c r="J187" s="12"/>
      <c r="S187" s="12"/>
      <c r="T187" s="12"/>
    </row>
    <row r="188" spans="9:20" ht="22.5" customHeight="1" x14ac:dyDescent="0.15">
      <c r="I188" s="12"/>
      <c r="J188" s="12"/>
      <c r="S188" s="12"/>
      <c r="T188" s="12"/>
    </row>
    <row r="189" spans="9:20" ht="22.5" customHeight="1" x14ac:dyDescent="0.15">
      <c r="I189" s="12"/>
      <c r="J189" s="12"/>
      <c r="S189" s="12"/>
      <c r="T189" s="12"/>
    </row>
    <row r="190" spans="9:20" ht="22.5" customHeight="1" x14ac:dyDescent="0.15">
      <c r="I190" s="12"/>
      <c r="J190" s="12"/>
      <c r="S190" s="12"/>
      <c r="T190" s="12"/>
    </row>
    <row r="191" spans="9:20" ht="22.5" customHeight="1" x14ac:dyDescent="0.15">
      <c r="I191" s="12"/>
      <c r="J191" s="12"/>
      <c r="S191" s="12"/>
      <c r="T191" s="12"/>
    </row>
    <row r="192" spans="9:20" ht="22.5" customHeight="1" x14ac:dyDescent="0.15">
      <c r="I192" s="12"/>
      <c r="J192" s="12"/>
      <c r="S192" s="12"/>
      <c r="T192" s="12"/>
    </row>
    <row r="193" spans="9:20" ht="22.5" customHeight="1" x14ac:dyDescent="0.15">
      <c r="I193" s="12"/>
      <c r="J193" s="12"/>
      <c r="S193" s="12"/>
      <c r="T193" s="12"/>
    </row>
    <row r="194" spans="9:20" ht="22.5" customHeight="1" x14ac:dyDescent="0.15">
      <c r="I194" s="12"/>
      <c r="J194" s="12"/>
      <c r="S194" s="12"/>
      <c r="T194" s="12"/>
    </row>
    <row r="195" spans="9:20" ht="22.5" customHeight="1" x14ac:dyDescent="0.15">
      <c r="I195" s="12"/>
      <c r="J195" s="12"/>
      <c r="S195" s="12"/>
      <c r="T195" s="12"/>
    </row>
    <row r="196" spans="9:20" ht="22.5" customHeight="1" x14ac:dyDescent="0.15">
      <c r="I196" s="12"/>
      <c r="J196" s="12"/>
      <c r="S196" s="12"/>
      <c r="T196" s="12"/>
    </row>
    <row r="197" spans="9:20" ht="22.5" customHeight="1" x14ac:dyDescent="0.15">
      <c r="I197" s="12"/>
      <c r="J197" s="12"/>
      <c r="S197" s="12"/>
      <c r="T197" s="12"/>
    </row>
    <row r="198" spans="9:20" ht="22.5" customHeight="1" x14ac:dyDescent="0.15">
      <c r="I198" s="12"/>
      <c r="J198" s="12"/>
      <c r="S198" s="12"/>
      <c r="T198" s="12"/>
    </row>
    <row r="199" spans="9:20" ht="22.5" customHeight="1" x14ac:dyDescent="0.15">
      <c r="I199" s="12"/>
      <c r="J199" s="12"/>
      <c r="S199" s="12"/>
      <c r="T199" s="12"/>
    </row>
    <row r="200" spans="9:20" ht="22.5" customHeight="1" x14ac:dyDescent="0.15">
      <c r="I200" s="12"/>
      <c r="J200" s="12"/>
      <c r="S200" s="12"/>
      <c r="T200" s="12"/>
    </row>
  </sheetData>
  <sheetProtection selectLockedCells="1" selectUnlockedCells="1"/>
  <mergeCells count="10">
    <mergeCell ref="K12:N12"/>
    <mergeCell ref="K13:N13"/>
    <mergeCell ref="L14:N14"/>
    <mergeCell ref="B15:D15"/>
    <mergeCell ref="B6:S6"/>
    <mergeCell ref="B7:S7"/>
    <mergeCell ref="B9:D9"/>
    <mergeCell ref="K9:N9"/>
    <mergeCell ref="K10:N10"/>
    <mergeCell ref="K11:N11"/>
  </mergeCells>
  <phoneticPr fontId="23"/>
  <printOptions horizontalCentered="1"/>
  <pageMargins left="0.19685039370078741" right="0.19685039370078741" top="0.31496062992125984" bottom="0.19685039370078741" header="0.11811023622047245" footer="0.11811023622047245"/>
  <pageSetup paperSize="9" scale="57" orientation="portrait" blackAndWhite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view="pageBreakPreview" zoomScale="55" zoomScaleNormal="50" zoomScaleSheetLayoutView="55" workbookViewId="0"/>
  </sheetViews>
  <sheetFormatPr defaultRowHeight="13.5" x14ac:dyDescent="0.15"/>
  <cols>
    <col min="1" max="1" width="4" style="132" customWidth="1"/>
    <col min="2" max="2" width="54.125" style="131" customWidth="1"/>
    <col min="3" max="3" width="60.5" style="131" customWidth="1"/>
    <col min="4" max="4" width="52.75" style="131" customWidth="1"/>
    <col min="5" max="16384" width="9" style="131"/>
  </cols>
  <sheetData>
    <row r="1" spans="1:4" s="11" customFormat="1" ht="22.5" customHeight="1" x14ac:dyDescent="0.15">
      <c r="B1" s="141" t="s">
        <v>98</v>
      </c>
    </row>
    <row r="2" spans="1:4" s="11" customFormat="1" ht="22.5" customHeight="1" x14ac:dyDescent="0.15">
      <c r="B2" s="141" t="s">
        <v>97</v>
      </c>
    </row>
    <row r="3" spans="1:4" s="11" customFormat="1" ht="22.5" customHeight="1" x14ac:dyDescent="0.15">
      <c r="B3" s="141" t="s">
        <v>25</v>
      </c>
    </row>
    <row r="4" spans="1:4" ht="122.25" customHeight="1" x14ac:dyDescent="0.15">
      <c r="A4" s="169" t="s">
        <v>259</v>
      </c>
      <c r="B4" s="169"/>
      <c r="C4" s="169"/>
      <c r="D4" s="169"/>
    </row>
    <row r="5" spans="1:4" s="135" customFormat="1" ht="36" customHeight="1" x14ac:dyDescent="0.15">
      <c r="A5" s="136"/>
      <c r="B5" s="135" t="s">
        <v>258</v>
      </c>
    </row>
    <row r="6" spans="1:4" s="135" customFormat="1" ht="36" customHeight="1" x14ac:dyDescent="0.15">
      <c r="A6" s="136"/>
    </row>
    <row r="7" spans="1:4" s="135" customFormat="1" ht="36" customHeight="1" x14ac:dyDescent="0.15">
      <c r="A7" s="136"/>
      <c r="B7" s="139"/>
      <c r="C7" s="168"/>
      <c r="D7" s="168"/>
    </row>
    <row r="8" spans="1:4" s="135" customFormat="1" ht="36" customHeight="1" x14ac:dyDescent="0.15">
      <c r="A8" s="136"/>
      <c r="B8" s="139"/>
      <c r="C8" s="168"/>
      <c r="D8" s="168"/>
    </row>
    <row r="9" spans="1:4" s="135" customFormat="1" ht="36" customHeight="1" x14ac:dyDescent="0.15">
      <c r="A9" s="136"/>
      <c r="B9" s="140"/>
      <c r="C9" s="168"/>
      <c r="D9" s="168"/>
    </row>
    <row r="10" spans="1:4" s="135" customFormat="1" ht="36" customHeight="1" x14ac:dyDescent="0.15">
      <c r="A10" s="136"/>
      <c r="B10" s="139"/>
      <c r="C10" s="168"/>
      <c r="D10" s="168"/>
    </row>
    <row r="11" spans="1:4" s="135" customFormat="1" ht="36" customHeight="1" x14ac:dyDescent="0.15">
      <c r="A11" s="136"/>
      <c r="B11" s="139"/>
      <c r="C11" s="170"/>
      <c r="D11" s="170"/>
    </row>
    <row r="12" spans="1:4" s="135" customFormat="1" ht="36" customHeight="1" x14ac:dyDescent="0.15">
      <c r="A12" s="136"/>
      <c r="B12" s="139"/>
      <c r="C12" s="168"/>
      <c r="D12" s="168"/>
    </row>
    <row r="13" spans="1:4" s="135" customFormat="1" ht="36" customHeight="1" x14ac:dyDescent="0.15">
      <c r="A13" s="136"/>
      <c r="B13" s="138"/>
      <c r="C13" s="138"/>
      <c r="D13" s="137"/>
    </row>
    <row r="14" spans="1:4" s="135" customFormat="1" ht="36" customHeight="1" x14ac:dyDescent="0.15">
      <c r="A14" s="136"/>
      <c r="B14" s="137"/>
      <c r="C14" s="137"/>
      <c r="D14" s="137"/>
    </row>
    <row r="15" spans="1:4" s="135" customFormat="1" ht="36" customHeight="1" x14ac:dyDescent="0.15">
      <c r="A15" s="136"/>
      <c r="B15" s="137"/>
      <c r="C15" s="137"/>
      <c r="D15" s="137"/>
    </row>
    <row r="16" spans="1:4" s="135" customFormat="1" ht="36" customHeight="1" x14ac:dyDescent="0.15">
      <c r="A16" s="136"/>
      <c r="B16" s="137"/>
      <c r="C16" s="137"/>
      <c r="D16" s="137"/>
    </row>
    <row r="17" spans="1:4" s="135" customFormat="1" ht="36" customHeight="1" x14ac:dyDescent="0.15">
      <c r="A17" s="136"/>
      <c r="B17" s="137"/>
      <c r="C17" s="137"/>
      <c r="D17" s="137"/>
    </row>
    <row r="18" spans="1:4" s="135" customFormat="1" ht="36" customHeight="1" x14ac:dyDescent="0.15">
      <c r="A18" s="136"/>
      <c r="B18" s="137"/>
      <c r="C18" s="137"/>
      <c r="D18" s="137"/>
    </row>
    <row r="19" spans="1:4" s="135" customFormat="1" ht="36" customHeight="1" x14ac:dyDescent="0.15">
      <c r="A19" s="136"/>
      <c r="B19" s="137"/>
      <c r="C19" s="137"/>
      <c r="D19" s="137"/>
    </row>
    <row r="20" spans="1:4" s="135" customFormat="1" ht="36" customHeight="1" x14ac:dyDescent="0.15">
      <c r="A20" s="136"/>
    </row>
    <row r="21" spans="1:4" s="135" customFormat="1" ht="36" customHeight="1" x14ac:dyDescent="0.15">
      <c r="A21" s="136"/>
    </row>
    <row r="22" spans="1:4" s="135" customFormat="1" ht="36" customHeight="1" x14ac:dyDescent="0.15">
      <c r="A22" s="136"/>
    </row>
    <row r="23" spans="1:4" s="135" customFormat="1" ht="36" customHeight="1" x14ac:dyDescent="0.15">
      <c r="A23" s="136"/>
    </row>
    <row r="24" spans="1:4" s="135" customFormat="1" ht="36" customHeight="1" x14ac:dyDescent="0.15">
      <c r="A24" s="136"/>
    </row>
    <row r="25" spans="1:4" s="135" customFormat="1" ht="36" customHeight="1" x14ac:dyDescent="0.15">
      <c r="A25" s="136"/>
    </row>
    <row r="26" spans="1:4" s="135" customFormat="1" ht="36" customHeight="1" x14ac:dyDescent="0.15">
      <c r="A26" s="136"/>
    </row>
    <row r="27" spans="1:4" s="135" customFormat="1" ht="36" customHeight="1" x14ac:dyDescent="0.15">
      <c r="A27" s="136"/>
    </row>
    <row r="28" spans="1:4" s="135" customFormat="1" ht="36" customHeight="1" x14ac:dyDescent="0.15">
      <c r="A28" s="136"/>
    </row>
    <row r="29" spans="1:4" s="135" customFormat="1" ht="36" customHeight="1" x14ac:dyDescent="0.15">
      <c r="A29" s="136"/>
    </row>
    <row r="30" spans="1:4" s="135" customFormat="1" ht="36" customHeight="1" x14ac:dyDescent="0.15">
      <c r="A30" s="136"/>
    </row>
    <row r="31" spans="1:4" s="135" customFormat="1" ht="36" customHeight="1" x14ac:dyDescent="0.15">
      <c r="A31" s="136"/>
    </row>
    <row r="32" spans="1:4" s="135" customFormat="1" ht="36" customHeight="1" x14ac:dyDescent="0.15">
      <c r="A32" s="136"/>
    </row>
    <row r="33" spans="1:1" s="135" customFormat="1" ht="36" customHeight="1" x14ac:dyDescent="0.15">
      <c r="A33" s="136"/>
    </row>
    <row r="34" spans="1:1" s="135" customFormat="1" ht="36" customHeight="1" x14ac:dyDescent="0.15">
      <c r="A34" s="136"/>
    </row>
    <row r="35" spans="1:1" s="135" customFormat="1" ht="36" customHeight="1" x14ac:dyDescent="0.15">
      <c r="A35" s="136"/>
    </row>
    <row r="36" spans="1:1" s="135" customFormat="1" ht="36" customHeight="1" x14ac:dyDescent="0.15">
      <c r="A36" s="136"/>
    </row>
    <row r="37" spans="1:1" s="135" customFormat="1" ht="36" customHeight="1" x14ac:dyDescent="0.15">
      <c r="A37" s="136"/>
    </row>
    <row r="38" spans="1:1" s="135" customFormat="1" ht="36" customHeight="1" x14ac:dyDescent="0.15">
      <c r="A38" s="136"/>
    </row>
    <row r="39" spans="1:1" s="135" customFormat="1" ht="36" customHeight="1" x14ac:dyDescent="0.15">
      <c r="A39" s="136"/>
    </row>
    <row r="40" spans="1:1" s="135" customFormat="1" ht="36" customHeight="1" x14ac:dyDescent="0.15">
      <c r="A40" s="136"/>
    </row>
    <row r="41" spans="1:1" s="133" customFormat="1" ht="36" customHeight="1" x14ac:dyDescent="0.15">
      <c r="A41" s="134"/>
    </row>
    <row r="42" spans="1:1" s="133" customFormat="1" ht="36" customHeight="1" x14ac:dyDescent="0.15">
      <c r="A42" s="134"/>
    </row>
    <row r="43" spans="1:1" s="133" customFormat="1" ht="36" customHeight="1" x14ac:dyDescent="0.15">
      <c r="A43" s="134"/>
    </row>
    <row r="44" spans="1:1" s="133" customFormat="1" ht="36" customHeight="1" x14ac:dyDescent="0.15">
      <c r="A44" s="134"/>
    </row>
    <row r="45" spans="1:1" s="133" customFormat="1" ht="36" customHeight="1" x14ac:dyDescent="0.15">
      <c r="A45" s="134"/>
    </row>
    <row r="46" spans="1:1" s="133" customFormat="1" ht="36" customHeight="1" x14ac:dyDescent="0.15">
      <c r="A46" s="134"/>
    </row>
    <row r="47" spans="1:1" s="133" customFormat="1" ht="36" customHeight="1" x14ac:dyDescent="0.15">
      <c r="A47" s="134"/>
    </row>
    <row r="48" spans="1:1" s="133" customFormat="1" ht="36" customHeight="1" x14ac:dyDescent="0.15">
      <c r="A48" s="134"/>
    </row>
    <row r="49" spans="1:1" s="133" customFormat="1" ht="36" customHeight="1" x14ac:dyDescent="0.15">
      <c r="A49" s="134"/>
    </row>
    <row r="50" spans="1:1" s="133" customFormat="1" ht="36" customHeight="1" x14ac:dyDescent="0.15">
      <c r="A50" s="134"/>
    </row>
    <row r="51" spans="1:1" s="133" customFormat="1" ht="36" customHeight="1" x14ac:dyDescent="0.15">
      <c r="A51" s="134"/>
    </row>
    <row r="52" spans="1:1" s="133" customFormat="1" ht="36" customHeight="1" x14ac:dyDescent="0.15">
      <c r="A52" s="134"/>
    </row>
    <row r="53" spans="1:1" s="133" customFormat="1" ht="36" customHeight="1" x14ac:dyDescent="0.15">
      <c r="A53" s="134"/>
    </row>
    <row r="54" spans="1:1" s="133" customFormat="1" ht="36" customHeight="1" x14ac:dyDescent="0.15">
      <c r="A54" s="134"/>
    </row>
    <row r="55" spans="1:1" s="133" customFormat="1" ht="36" customHeight="1" x14ac:dyDescent="0.15">
      <c r="A55" s="134"/>
    </row>
    <row r="56" spans="1:1" s="133" customFormat="1" ht="36" customHeight="1" x14ac:dyDescent="0.15">
      <c r="A56" s="134"/>
    </row>
    <row r="57" spans="1:1" s="133" customFormat="1" ht="24" x14ac:dyDescent="0.15">
      <c r="A57" s="134"/>
    </row>
    <row r="58" spans="1:1" s="133" customFormat="1" ht="24" x14ac:dyDescent="0.15">
      <c r="A58" s="134"/>
    </row>
    <row r="59" spans="1:1" s="133" customFormat="1" ht="24" x14ac:dyDescent="0.15">
      <c r="A59" s="134"/>
    </row>
    <row r="60" spans="1:1" s="133" customFormat="1" ht="24" x14ac:dyDescent="0.15">
      <c r="A60" s="134"/>
    </row>
    <row r="61" spans="1:1" s="133" customFormat="1" ht="24" x14ac:dyDescent="0.15">
      <c r="A61" s="134"/>
    </row>
    <row r="62" spans="1:1" s="133" customFormat="1" ht="24" x14ac:dyDescent="0.15">
      <c r="A62" s="134"/>
    </row>
    <row r="63" spans="1:1" s="133" customFormat="1" ht="24" x14ac:dyDescent="0.15">
      <c r="A63" s="134"/>
    </row>
    <row r="64" spans="1:1" s="133" customFormat="1" ht="24" x14ac:dyDescent="0.15">
      <c r="A64" s="134"/>
    </row>
    <row r="65" spans="1:1" s="133" customFormat="1" ht="24" x14ac:dyDescent="0.15">
      <c r="A65" s="134"/>
    </row>
    <row r="66" spans="1:1" s="133" customFormat="1" ht="24" x14ac:dyDescent="0.15">
      <c r="A66" s="134"/>
    </row>
    <row r="67" spans="1:1" s="133" customFormat="1" ht="24" x14ac:dyDescent="0.15">
      <c r="A67" s="134"/>
    </row>
    <row r="68" spans="1:1" s="133" customFormat="1" ht="24" x14ac:dyDescent="0.15">
      <c r="A68" s="134"/>
    </row>
    <row r="69" spans="1:1" s="133" customFormat="1" ht="24" x14ac:dyDescent="0.15">
      <c r="A69" s="134"/>
    </row>
    <row r="70" spans="1:1" s="133" customFormat="1" ht="24" x14ac:dyDescent="0.15">
      <c r="A70" s="134"/>
    </row>
    <row r="71" spans="1:1" s="133" customFormat="1" ht="24" x14ac:dyDescent="0.15">
      <c r="A71" s="134"/>
    </row>
    <row r="72" spans="1:1" s="133" customFormat="1" ht="24" x14ac:dyDescent="0.15">
      <c r="A72" s="134"/>
    </row>
    <row r="73" spans="1:1" s="133" customFormat="1" ht="24" x14ac:dyDescent="0.15">
      <c r="A73" s="134"/>
    </row>
    <row r="74" spans="1:1" s="133" customFormat="1" ht="24" x14ac:dyDescent="0.15">
      <c r="A74" s="134"/>
    </row>
    <row r="75" spans="1:1" s="133" customFormat="1" ht="24" x14ac:dyDescent="0.15">
      <c r="A75" s="134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O37"/>
  <sheetViews>
    <sheetView showGridLines="0" view="pageBreakPreview" zoomScale="55" zoomScaleNormal="55" zoomScaleSheetLayoutView="55" workbookViewId="0"/>
  </sheetViews>
  <sheetFormatPr defaultColWidth="8.875" defaultRowHeight="18.75" x14ac:dyDescent="0.15"/>
  <cols>
    <col min="1" max="1" width="2.625" style="1" customWidth="1"/>
    <col min="2" max="6" width="2.125" style="1" customWidth="1"/>
    <col min="7" max="7" width="2.625" style="1" customWidth="1"/>
    <col min="8" max="8" width="23.125" style="1" customWidth="1"/>
    <col min="9" max="12" width="28.125" style="1" customWidth="1"/>
    <col min="13" max="13" width="35.5" style="1" customWidth="1"/>
    <col min="14" max="14" width="26.25" style="1" customWidth="1"/>
    <col min="15" max="15" width="28.125" style="1" customWidth="1"/>
    <col min="16" max="16" width="2.625" style="1" customWidth="1"/>
    <col min="17" max="16384" width="8.875" style="1"/>
  </cols>
  <sheetData>
    <row r="1" spans="2:15" s="2" customFormat="1" ht="22.5" customHeight="1" x14ac:dyDescent="0.15">
      <c r="B1" s="8" t="s">
        <v>98</v>
      </c>
    </row>
    <row r="2" spans="2:15" s="2" customFormat="1" ht="22.5" customHeight="1" x14ac:dyDescent="0.15">
      <c r="B2" s="8" t="s">
        <v>97</v>
      </c>
    </row>
    <row r="3" spans="2:15" s="2" customFormat="1" ht="22.5" customHeight="1" x14ac:dyDescent="0.15">
      <c r="B3" s="8" t="s">
        <v>96</v>
      </c>
    </row>
    <row r="5" spans="2:15" x14ac:dyDescent="0.15">
      <c r="B5" s="171" t="s">
        <v>244</v>
      </c>
      <c r="C5" s="172"/>
      <c r="D5" s="172"/>
      <c r="E5" s="172"/>
      <c r="F5" s="172"/>
      <c r="G5" s="172"/>
      <c r="H5" s="172"/>
      <c r="I5" s="172"/>
      <c r="J5" s="172"/>
      <c r="K5" s="172"/>
      <c r="L5" s="172"/>
      <c r="M5" s="172"/>
      <c r="N5" s="172"/>
      <c r="O5" s="172"/>
    </row>
    <row r="6" spans="2:15" ht="23.25" customHeight="1" x14ac:dyDescent="0.15">
      <c r="B6" s="172"/>
      <c r="C6" s="172"/>
      <c r="D6" s="172"/>
      <c r="E6" s="172"/>
      <c r="F6" s="172"/>
      <c r="G6" s="172"/>
      <c r="H6" s="172"/>
      <c r="I6" s="172"/>
      <c r="J6" s="172"/>
      <c r="K6" s="172"/>
      <c r="L6" s="172"/>
      <c r="M6" s="172"/>
      <c r="N6" s="172"/>
      <c r="O6" s="172"/>
    </row>
    <row r="7" spans="2:15" x14ac:dyDescent="0.15">
      <c r="O7" s="125" t="s">
        <v>150</v>
      </c>
    </row>
    <row r="8" spans="2:15" ht="21.95" customHeight="1" x14ac:dyDescent="0.15">
      <c r="B8" s="173" t="s">
        <v>243</v>
      </c>
      <c r="C8" s="174"/>
      <c r="D8" s="174"/>
      <c r="E8" s="174"/>
      <c r="F8" s="174"/>
      <c r="G8" s="174"/>
      <c r="H8" s="175"/>
      <c r="I8" s="124" t="s">
        <v>242</v>
      </c>
      <c r="J8" s="123" t="s">
        <v>241</v>
      </c>
      <c r="K8" s="123" t="s">
        <v>240</v>
      </c>
      <c r="L8" s="123" t="s">
        <v>239</v>
      </c>
      <c r="M8" s="123" t="s">
        <v>238</v>
      </c>
      <c r="N8" s="123" t="s">
        <v>237</v>
      </c>
      <c r="O8" s="123" t="s">
        <v>236</v>
      </c>
    </row>
    <row r="9" spans="2:15" ht="21.95" customHeight="1" x14ac:dyDescent="0.15">
      <c r="B9" s="176"/>
      <c r="C9" s="177"/>
      <c r="D9" s="177"/>
      <c r="E9" s="177"/>
      <c r="F9" s="177"/>
      <c r="G9" s="177"/>
      <c r="H9" s="178"/>
      <c r="I9" s="122" t="s">
        <v>9</v>
      </c>
      <c r="J9" s="122" t="s">
        <v>235</v>
      </c>
      <c r="K9" s="122" t="s">
        <v>11</v>
      </c>
      <c r="L9" s="122" t="s">
        <v>234</v>
      </c>
      <c r="M9" s="122" t="s">
        <v>13</v>
      </c>
      <c r="N9" s="122" t="s">
        <v>233</v>
      </c>
      <c r="O9" s="122" t="s">
        <v>232</v>
      </c>
    </row>
    <row r="10" spans="2:15" ht="21.95" customHeight="1" x14ac:dyDescent="0.15">
      <c r="B10" s="121" t="s">
        <v>69</v>
      </c>
      <c r="C10" s="120"/>
      <c r="D10" s="120"/>
      <c r="E10" s="120"/>
      <c r="F10" s="120"/>
      <c r="G10" s="120"/>
      <c r="H10" s="119"/>
      <c r="I10" s="114">
        <v>1720650037</v>
      </c>
      <c r="J10" s="114">
        <v>0</v>
      </c>
      <c r="K10" s="114">
        <v>0</v>
      </c>
      <c r="L10" s="114">
        <v>1720650037</v>
      </c>
      <c r="M10" s="114">
        <v>966432424</v>
      </c>
      <c r="N10" s="114">
        <v>34413024</v>
      </c>
      <c r="O10" s="114">
        <v>754217613</v>
      </c>
    </row>
    <row r="11" spans="2:15" ht="21.95" customHeight="1" x14ac:dyDescent="0.15">
      <c r="B11" s="121"/>
      <c r="C11" s="120" t="s">
        <v>67</v>
      </c>
      <c r="D11" s="120"/>
      <c r="E11" s="120"/>
      <c r="F11" s="120"/>
      <c r="G11" s="120"/>
      <c r="H11" s="119"/>
      <c r="I11" s="114">
        <v>1720650037</v>
      </c>
      <c r="J11" s="114">
        <v>0</v>
      </c>
      <c r="K11" s="114">
        <v>0</v>
      </c>
      <c r="L11" s="114">
        <v>1720650037</v>
      </c>
      <c r="M11" s="114">
        <v>966432424</v>
      </c>
      <c r="N11" s="114">
        <v>34413024</v>
      </c>
      <c r="O11" s="114">
        <v>754217613</v>
      </c>
    </row>
    <row r="12" spans="2:15" ht="21.95" customHeight="1" x14ac:dyDescent="0.15">
      <c r="B12" s="121"/>
      <c r="C12" s="120"/>
      <c r="D12" s="120" t="s">
        <v>49</v>
      </c>
      <c r="E12" s="120"/>
      <c r="F12" s="120"/>
      <c r="G12" s="120"/>
      <c r="H12" s="119"/>
      <c r="I12" s="114">
        <v>0</v>
      </c>
      <c r="J12" s="114">
        <v>0</v>
      </c>
      <c r="K12" s="114">
        <v>0</v>
      </c>
      <c r="L12" s="114">
        <v>0</v>
      </c>
      <c r="M12" s="114">
        <v>0</v>
      </c>
      <c r="N12" s="114">
        <v>0</v>
      </c>
      <c r="O12" s="114">
        <v>0</v>
      </c>
    </row>
    <row r="13" spans="2:15" ht="21.95" customHeight="1" x14ac:dyDescent="0.15">
      <c r="B13" s="121"/>
      <c r="C13" s="120"/>
      <c r="D13" s="120" t="s">
        <v>48</v>
      </c>
      <c r="E13" s="120"/>
      <c r="F13" s="120"/>
      <c r="G13" s="120"/>
      <c r="H13" s="119"/>
      <c r="I13" s="114">
        <v>1720650037</v>
      </c>
      <c r="J13" s="114">
        <v>0</v>
      </c>
      <c r="K13" s="114">
        <v>0</v>
      </c>
      <c r="L13" s="114">
        <v>1720650037</v>
      </c>
      <c r="M13" s="114">
        <v>966432424</v>
      </c>
      <c r="N13" s="114">
        <v>34413024</v>
      </c>
      <c r="O13" s="114">
        <v>754217613</v>
      </c>
    </row>
    <row r="14" spans="2:15" ht="21.95" customHeight="1" x14ac:dyDescent="0.15">
      <c r="B14" s="121"/>
      <c r="C14" s="120"/>
      <c r="D14" s="120" t="s">
        <v>47</v>
      </c>
      <c r="E14" s="120"/>
      <c r="F14" s="120"/>
      <c r="G14" s="120"/>
      <c r="H14" s="119"/>
      <c r="I14" s="114">
        <v>0</v>
      </c>
      <c r="J14" s="114">
        <v>0</v>
      </c>
      <c r="K14" s="114">
        <v>0</v>
      </c>
      <c r="L14" s="114">
        <v>0</v>
      </c>
      <c r="M14" s="114">
        <v>0</v>
      </c>
      <c r="N14" s="114">
        <v>0</v>
      </c>
      <c r="O14" s="114">
        <v>0</v>
      </c>
    </row>
    <row r="15" spans="2:15" ht="21.95" customHeight="1" x14ac:dyDescent="0.15">
      <c r="B15" s="121"/>
      <c r="C15" s="120"/>
      <c r="D15" s="120" t="s">
        <v>62</v>
      </c>
      <c r="E15" s="120"/>
      <c r="F15" s="120"/>
      <c r="G15" s="120"/>
      <c r="H15" s="119"/>
      <c r="I15" s="114">
        <v>0</v>
      </c>
      <c r="J15" s="114">
        <v>0</v>
      </c>
      <c r="K15" s="114">
        <v>0</v>
      </c>
      <c r="L15" s="114">
        <v>0</v>
      </c>
      <c r="M15" s="114">
        <v>0</v>
      </c>
      <c r="N15" s="114">
        <v>0</v>
      </c>
      <c r="O15" s="114">
        <v>0</v>
      </c>
    </row>
    <row r="16" spans="2:15" ht="21.95" customHeight="1" x14ac:dyDescent="0.15">
      <c r="B16" s="121"/>
      <c r="C16" s="120"/>
      <c r="D16" s="120" t="s">
        <v>60</v>
      </c>
      <c r="E16" s="120"/>
      <c r="F16" s="120"/>
      <c r="G16" s="120"/>
      <c r="H16" s="119"/>
      <c r="I16" s="114">
        <v>0</v>
      </c>
      <c r="J16" s="114">
        <v>0</v>
      </c>
      <c r="K16" s="114">
        <v>0</v>
      </c>
      <c r="L16" s="114">
        <v>0</v>
      </c>
      <c r="M16" s="114">
        <v>0</v>
      </c>
      <c r="N16" s="114">
        <v>0</v>
      </c>
      <c r="O16" s="114">
        <v>0</v>
      </c>
    </row>
    <row r="17" spans="2:15" ht="21.95" customHeight="1" x14ac:dyDescent="0.15">
      <c r="B17" s="121"/>
      <c r="C17" s="120"/>
      <c r="D17" s="120" t="s">
        <v>58</v>
      </c>
      <c r="E17" s="120"/>
      <c r="F17" s="120"/>
      <c r="G17" s="120"/>
      <c r="H17" s="119"/>
      <c r="I17" s="114">
        <v>0</v>
      </c>
      <c r="J17" s="114">
        <v>0</v>
      </c>
      <c r="K17" s="114">
        <v>0</v>
      </c>
      <c r="L17" s="114">
        <v>0</v>
      </c>
      <c r="M17" s="114">
        <v>0</v>
      </c>
      <c r="N17" s="114">
        <v>0</v>
      </c>
      <c r="O17" s="114">
        <v>0</v>
      </c>
    </row>
    <row r="18" spans="2:15" ht="21.95" customHeight="1" x14ac:dyDescent="0.15">
      <c r="B18" s="121"/>
      <c r="C18" s="120"/>
      <c r="D18" s="120" t="s">
        <v>56</v>
      </c>
      <c r="E18" s="120"/>
      <c r="F18" s="120"/>
      <c r="G18" s="120"/>
      <c r="H18" s="119"/>
      <c r="I18" s="114">
        <v>0</v>
      </c>
      <c r="J18" s="114">
        <v>0</v>
      </c>
      <c r="K18" s="114">
        <v>0</v>
      </c>
      <c r="L18" s="114">
        <v>0</v>
      </c>
      <c r="M18" s="114">
        <v>0</v>
      </c>
      <c r="N18" s="114">
        <v>0</v>
      </c>
      <c r="O18" s="114">
        <v>0</v>
      </c>
    </row>
    <row r="19" spans="2:15" ht="21.95" customHeight="1" x14ac:dyDescent="0.15">
      <c r="B19" s="118"/>
      <c r="C19" s="117" t="s">
        <v>54</v>
      </c>
      <c r="D19" s="117"/>
      <c r="E19" s="117"/>
      <c r="F19" s="117"/>
      <c r="G19" s="117"/>
      <c r="H19" s="116"/>
      <c r="I19" s="114">
        <v>0</v>
      </c>
      <c r="J19" s="114">
        <v>0</v>
      </c>
      <c r="K19" s="114">
        <v>0</v>
      </c>
      <c r="L19" s="114">
        <v>0</v>
      </c>
      <c r="M19" s="114">
        <v>0</v>
      </c>
      <c r="N19" s="114">
        <v>0</v>
      </c>
      <c r="O19" s="114">
        <v>0</v>
      </c>
    </row>
    <row r="20" spans="2:15" ht="21.95" customHeight="1" x14ac:dyDescent="0.15">
      <c r="B20" s="118"/>
      <c r="C20" s="117"/>
      <c r="D20" s="117" t="s">
        <v>45</v>
      </c>
      <c r="E20" s="117"/>
      <c r="F20" s="117"/>
      <c r="G20" s="117"/>
      <c r="H20" s="116"/>
      <c r="I20" s="114">
        <v>0</v>
      </c>
      <c r="J20" s="114">
        <v>0</v>
      </c>
      <c r="K20" s="114">
        <v>0</v>
      </c>
      <c r="L20" s="114">
        <v>0</v>
      </c>
      <c r="M20" s="114">
        <v>0</v>
      </c>
      <c r="N20" s="114">
        <v>0</v>
      </c>
      <c r="O20" s="114">
        <v>0</v>
      </c>
    </row>
    <row r="21" spans="2:15" ht="21.95" customHeight="1" x14ac:dyDescent="0.15">
      <c r="B21" s="118"/>
      <c r="C21" s="117"/>
      <c r="D21" s="117" t="s">
        <v>44</v>
      </c>
      <c r="E21" s="117"/>
      <c r="F21" s="117"/>
      <c r="G21" s="117"/>
      <c r="H21" s="116"/>
      <c r="I21" s="114">
        <v>0</v>
      </c>
      <c r="J21" s="114">
        <v>0</v>
      </c>
      <c r="K21" s="114">
        <v>0</v>
      </c>
      <c r="L21" s="114">
        <v>0</v>
      </c>
      <c r="M21" s="114">
        <v>0</v>
      </c>
      <c r="N21" s="114">
        <v>0</v>
      </c>
      <c r="O21" s="114">
        <v>0</v>
      </c>
    </row>
    <row r="22" spans="2:15" ht="21.95" customHeight="1" x14ac:dyDescent="0.15">
      <c r="B22" s="121" t="s">
        <v>51</v>
      </c>
      <c r="C22" s="120"/>
      <c r="D22" s="120"/>
      <c r="E22" s="120"/>
      <c r="F22" s="120"/>
      <c r="G22" s="120"/>
      <c r="H22" s="119"/>
      <c r="I22" s="114">
        <v>0</v>
      </c>
      <c r="J22" s="114">
        <v>0</v>
      </c>
      <c r="K22" s="114">
        <v>0</v>
      </c>
      <c r="L22" s="114">
        <v>0</v>
      </c>
      <c r="M22" s="114">
        <v>0</v>
      </c>
      <c r="N22" s="114">
        <v>0</v>
      </c>
      <c r="O22" s="114">
        <v>0</v>
      </c>
    </row>
    <row r="23" spans="2:15" ht="21.95" customHeight="1" x14ac:dyDescent="0.15">
      <c r="B23" s="121"/>
      <c r="C23" s="120" t="s">
        <v>50</v>
      </c>
      <c r="D23" s="120"/>
      <c r="E23" s="120"/>
      <c r="F23" s="120"/>
      <c r="G23" s="120"/>
      <c r="H23" s="119"/>
      <c r="I23" s="114">
        <v>0</v>
      </c>
      <c r="J23" s="114">
        <v>0</v>
      </c>
      <c r="K23" s="114">
        <v>0</v>
      </c>
      <c r="L23" s="114">
        <v>0</v>
      </c>
      <c r="M23" s="114">
        <v>0</v>
      </c>
      <c r="N23" s="114">
        <v>0</v>
      </c>
      <c r="O23" s="114">
        <v>0</v>
      </c>
    </row>
    <row r="24" spans="2:15" ht="21.95" customHeight="1" x14ac:dyDescent="0.15">
      <c r="B24" s="121"/>
      <c r="C24" s="120"/>
      <c r="D24" s="120" t="s">
        <v>49</v>
      </c>
      <c r="E24" s="120"/>
      <c r="F24" s="120"/>
      <c r="G24" s="120"/>
      <c r="H24" s="119"/>
      <c r="I24" s="114">
        <v>0</v>
      </c>
      <c r="J24" s="114">
        <v>0</v>
      </c>
      <c r="K24" s="114">
        <v>0</v>
      </c>
      <c r="L24" s="114">
        <v>0</v>
      </c>
      <c r="M24" s="114">
        <v>0</v>
      </c>
      <c r="N24" s="114">
        <v>0</v>
      </c>
      <c r="O24" s="114">
        <v>0</v>
      </c>
    </row>
    <row r="25" spans="2:15" ht="21.95" customHeight="1" x14ac:dyDescent="0.15">
      <c r="B25" s="121"/>
      <c r="C25" s="120"/>
      <c r="D25" s="120" t="s">
        <v>48</v>
      </c>
      <c r="E25" s="120"/>
      <c r="F25" s="120"/>
      <c r="G25" s="120"/>
      <c r="H25" s="119"/>
      <c r="I25" s="114">
        <v>0</v>
      </c>
      <c r="J25" s="114">
        <v>0</v>
      </c>
      <c r="K25" s="114">
        <v>0</v>
      </c>
      <c r="L25" s="114">
        <v>0</v>
      </c>
      <c r="M25" s="114">
        <v>0</v>
      </c>
      <c r="N25" s="114">
        <v>0</v>
      </c>
      <c r="O25" s="114">
        <v>0</v>
      </c>
    </row>
    <row r="26" spans="2:15" ht="21.95" customHeight="1" x14ac:dyDescent="0.15">
      <c r="B26" s="121"/>
      <c r="C26" s="120"/>
      <c r="D26" s="120" t="s">
        <v>47</v>
      </c>
      <c r="E26" s="120"/>
      <c r="F26" s="120"/>
      <c r="G26" s="120"/>
      <c r="H26" s="119"/>
      <c r="I26" s="114">
        <v>0</v>
      </c>
      <c r="J26" s="114">
        <v>0</v>
      </c>
      <c r="K26" s="114">
        <v>0</v>
      </c>
      <c r="L26" s="114">
        <v>0</v>
      </c>
      <c r="M26" s="114">
        <v>0</v>
      </c>
      <c r="N26" s="114">
        <v>0</v>
      </c>
      <c r="O26" s="114">
        <v>0</v>
      </c>
    </row>
    <row r="27" spans="2:15" ht="21.95" customHeight="1" x14ac:dyDescent="0.15">
      <c r="B27" s="118"/>
      <c r="C27" s="117" t="s">
        <v>46</v>
      </c>
      <c r="D27" s="117"/>
      <c r="E27" s="117"/>
      <c r="F27" s="117"/>
      <c r="G27" s="117"/>
      <c r="H27" s="116"/>
      <c r="I27" s="114">
        <v>0</v>
      </c>
      <c r="J27" s="114">
        <v>0</v>
      </c>
      <c r="K27" s="114">
        <v>0</v>
      </c>
      <c r="L27" s="114">
        <v>0</v>
      </c>
      <c r="M27" s="114">
        <v>0</v>
      </c>
      <c r="N27" s="114">
        <v>0</v>
      </c>
      <c r="O27" s="114">
        <v>0</v>
      </c>
    </row>
    <row r="28" spans="2:15" ht="21.95" customHeight="1" x14ac:dyDescent="0.15">
      <c r="B28" s="118"/>
      <c r="C28" s="117"/>
      <c r="D28" s="117" t="s">
        <v>45</v>
      </c>
      <c r="E28" s="117"/>
      <c r="F28" s="117"/>
      <c r="G28" s="117"/>
      <c r="H28" s="116"/>
      <c r="I28" s="114">
        <v>0</v>
      </c>
      <c r="J28" s="114">
        <v>0</v>
      </c>
      <c r="K28" s="114">
        <v>0</v>
      </c>
      <c r="L28" s="114">
        <v>0</v>
      </c>
      <c r="M28" s="114">
        <v>0</v>
      </c>
      <c r="N28" s="114">
        <v>0</v>
      </c>
      <c r="O28" s="114">
        <v>0</v>
      </c>
    </row>
    <row r="29" spans="2:15" ht="21.95" customHeight="1" x14ac:dyDescent="0.15">
      <c r="B29" s="118"/>
      <c r="C29" s="117"/>
      <c r="D29" s="117" t="s">
        <v>44</v>
      </c>
      <c r="E29" s="117"/>
      <c r="F29" s="117"/>
      <c r="G29" s="117"/>
      <c r="H29" s="116"/>
      <c r="I29" s="115">
        <v>0</v>
      </c>
      <c r="J29" s="115">
        <v>0</v>
      </c>
      <c r="K29" s="115">
        <v>0</v>
      </c>
      <c r="L29" s="115">
        <v>0</v>
      </c>
      <c r="M29" s="114">
        <v>0</v>
      </c>
      <c r="N29" s="114">
        <v>0</v>
      </c>
      <c r="O29" s="114">
        <v>0</v>
      </c>
    </row>
    <row r="30" spans="2:15" ht="21.95" customHeight="1" x14ac:dyDescent="0.15">
      <c r="B30" s="121" t="s">
        <v>43</v>
      </c>
      <c r="C30" s="120"/>
      <c r="D30" s="120"/>
      <c r="E30" s="120"/>
      <c r="F30" s="120"/>
      <c r="G30" s="120"/>
      <c r="H30" s="119"/>
      <c r="I30" s="115">
        <v>27854388</v>
      </c>
      <c r="J30" s="115">
        <v>0</v>
      </c>
      <c r="K30" s="115">
        <v>0</v>
      </c>
      <c r="L30" s="115">
        <v>27854388</v>
      </c>
      <c r="M30" s="114">
        <v>12238743</v>
      </c>
      <c r="N30" s="114">
        <v>5570892</v>
      </c>
      <c r="O30" s="114">
        <v>15615645</v>
      </c>
    </row>
    <row r="31" spans="2:15" ht="21.95" customHeight="1" x14ac:dyDescent="0.15">
      <c r="B31" s="121" t="s">
        <v>42</v>
      </c>
      <c r="C31" s="120"/>
      <c r="D31" s="120"/>
      <c r="E31" s="120"/>
      <c r="F31" s="120"/>
      <c r="G31" s="120"/>
      <c r="H31" s="119"/>
      <c r="I31" s="115">
        <v>907503366</v>
      </c>
      <c r="J31" s="115">
        <v>1726779794</v>
      </c>
      <c r="K31" s="115">
        <v>34488984</v>
      </c>
      <c r="L31" s="115">
        <v>2599794176</v>
      </c>
      <c r="M31" s="114">
        <v>885103093</v>
      </c>
      <c r="N31" s="114">
        <v>184041233</v>
      </c>
      <c r="O31" s="114">
        <v>1714691083</v>
      </c>
    </row>
    <row r="32" spans="2:15" ht="21.95" customHeight="1" x14ac:dyDescent="0.15">
      <c r="B32" s="118" t="s">
        <v>41</v>
      </c>
      <c r="C32" s="117"/>
      <c r="D32" s="117"/>
      <c r="E32" s="117"/>
      <c r="F32" s="117"/>
      <c r="G32" s="117"/>
      <c r="H32" s="116"/>
      <c r="I32" s="115">
        <v>1075170868</v>
      </c>
      <c r="J32" s="115">
        <v>0</v>
      </c>
      <c r="K32" s="115">
        <v>40277034</v>
      </c>
      <c r="L32" s="115">
        <v>1034893834</v>
      </c>
      <c r="M32" s="114">
        <v>864695677</v>
      </c>
      <c r="N32" s="114">
        <v>77529492</v>
      </c>
      <c r="O32" s="114">
        <v>170198157</v>
      </c>
    </row>
    <row r="33" spans="2:15" ht="21.95" customHeight="1" x14ac:dyDescent="0.15">
      <c r="B33" s="118" t="s">
        <v>40</v>
      </c>
      <c r="C33" s="117"/>
      <c r="D33" s="117"/>
      <c r="E33" s="117"/>
      <c r="F33" s="117"/>
      <c r="G33" s="117"/>
      <c r="H33" s="116"/>
      <c r="I33" s="115">
        <v>68959944</v>
      </c>
      <c r="J33" s="115">
        <v>0</v>
      </c>
      <c r="K33" s="115">
        <v>0</v>
      </c>
      <c r="L33" s="115">
        <v>68959944</v>
      </c>
      <c r="M33" s="114">
        <v>0</v>
      </c>
      <c r="N33" s="114">
        <v>0</v>
      </c>
      <c r="O33" s="114">
        <v>68959944</v>
      </c>
    </row>
    <row r="34" spans="2:15" ht="21.95" customHeight="1" x14ac:dyDescent="0.15">
      <c r="B34" s="118" t="s">
        <v>35</v>
      </c>
      <c r="C34" s="117"/>
      <c r="D34" s="117"/>
      <c r="E34" s="117"/>
      <c r="F34" s="117"/>
      <c r="G34" s="117"/>
      <c r="H34" s="116"/>
      <c r="I34" s="115">
        <v>0</v>
      </c>
      <c r="J34" s="115">
        <v>0</v>
      </c>
      <c r="K34" s="115">
        <v>0</v>
      </c>
      <c r="L34" s="115">
        <v>0</v>
      </c>
      <c r="M34" s="114">
        <v>0</v>
      </c>
      <c r="N34" s="114">
        <v>0</v>
      </c>
      <c r="O34" s="114">
        <v>0</v>
      </c>
    </row>
    <row r="35" spans="2:15" ht="21.95" customHeight="1" x14ac:dyDescent="0.15">
      <c r="B35" s="179" t="s">
        <v>231</v>
      </c>
      <c r="C35" s="180"/>
      <c r="D35" s="180"/>
      <c r="E35" s="180"/>
      <c r="F35" s="180"/>
      <c r="G35" s="180"/>
      <c r="H35" s="181"/>
      <c r="I35" s="115">
        <v>3800138603</v>
      </c>
      <c r="J35" s="115">
        <v>1726779794</v>
      </c>
      <c r="K35" s="115">
        <v>74766018</v>
      </c>
      <c r="L35" s="115">
        <v>5452152379</v>
      </c>
      <c r="M35" s="114">
        <v>2728469937</v>
      </c>
      <c r="N35" s="114">
        <v>301554641</v>
      </c>
      <c r="O35" s="114">
        <v>2723682442</v>
      </c>
    </row>
    <row r="36" spans="2:15" ht="12" customHeight="1" x14ac:dyDescent="0.15"/>
    <row r="37" spans="2:15" ht="21.95" customHeight="1" x14ac:dyDescent="0.15">
      <c r="B37" s="182"/>
      <c r="C37" s="182"/>
      <c r="D37" s="182"/>
      <c r="E37" s="182"/>
      <c r="F37" s="182"/>
      <c r="G37" s="182"/>
      <c r="H37" s="182"/>
      <c r="I37" s="182"/>
      <c r="J37" s="182"/>
      <c r="K37" s="182"/>
      <c r="L37" s="182"/>
      <c r="M37" s="182"/>
      <c r="N37" s="182"/>
      <c r="O37" s="182"/>
    </row>
  </sheetData>
  <mergeCells count="4">
    <mergeCell ref="B5:O6"/>
    <mergeCell ref="B8:H9"/>
    <mergeCell ref="B35:H35"/>
    <mergeCell ref="B37:O37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9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2"/>
  <sheetViews>
    <sheetView showGridLines="0" view="pageBreakPreview" zoomScale="70" zoomScaleNormal="70" zoomScaleSheetLayoutView="70" workbookViewId="0"/>
  </sheetViews>
  <sheetFormatPr defaultColWidth="8.875" defaultRowHeight="18.75" x14ac:dyDescent="0.15"/>
  <cols>
    <col min="1" max="1" width="2.625" style="2" customWidth="1"/>
    <col min="2" max="7" width="3.5" style="2" customWidth="1"/>
    <col min="8" max="8" width="15.625" style="2" customWidth="1"/>
    <col min="9" max="9" width="29.5" style="2" bestFit="1" customWidth="1"/>
    <col min="10" max="10" width="33.625" style="2" customWidth="1"/>
    <col min="11" max="11" width="33.625" style="2" bestFit="1" customWidth="1"/>
    <col min="12" max="12" width="37.625" style="2" bestFit="1" customWidth="1"/>
    <col min="13" max="13" width="27.375" style="2" bestFit="1" customWidth="1"/>
    <col min="14" max="14" width="37.625" style="2" bestFit="1" customWidth="1"/>
    <col min="15" max="15" width="34.25" style="2" bestFit="1" customWidth="1"/>
    <col min="16" max="16" width="25.625" style="2" customWidth="1"/>
    <col min="17" max="17" width="34.25" style="2" bestFit="1" customWidth="1"/>
    <col min="18" max="18" width="2.625" style="2" customWidth="1"/>
    <col min="19" max="255" width="8.875" style="2"/>
    <col min="256" max="262" width="3.5" style="2" customWidth="1"/>
    <col min="263" max="263" width="15.625" style="2" customWidth="1"/>
    <col min="264" max="270" width="25.625" style="2" customWidth="1"/>
    <col min="271" max="511" width="8.875" style="2"/>
    <col min="512" max="518" width="3.5" style="2" customWidth="1"/>
    <col min="519" max="519" width="15.625" style="2" customWidth="1"/>
    <col min="520" max="526" width="25.625" style="2" customWidth="1"/>
    <col min="527" max="767" width="8.875" style="2"/>
    <col min="768" max="774" width="3.5" style="2" customWidth="1"/>
    <col min="775" max="775" width="15.625" style="2" customWidth="1"/>
    <col min="776" max="782" width="25.625" style="2" customWidth="1"/>
    <col min="783" max="1023" width="8.875" style="2"/>
    <col min="1024" max="1030" width="3.5" style="2" customWidth="1"/>
    <col min="1031" max="1031" width="15.625" style="2" customWidth="1"/>
    <col min="1032" max="1038" width="25.625" style="2" customWidth="1"/>
    <col min="1039" max="1279" width="8.875" style="2"/>
    <col min="1280" max="1286" width="3.5" style="2" customWidth="1"/>
    <col min="1287" max="1287" width="15.625" style="2" customWidth="1"/>
    <col min="1288" max="1294" width="25.625" style="2" customWidth="1"/>
    <col min="1295" max="1535" width="8.875" style="2"/>
    <col min="1536" max="1542" width="3.5" style="2" customWidth="1"/>
    <col min="1543" max="1543" width="15.625" style="2" customWidth="1"/>
    <col min="1544" max="1550" width="25.625" style="2" customWidth="1"/>
    <col min="1551" max="1791" width="8.875" style="2"/>
    <col min="1792" max="1798" width="3.5" style="2" customWidth="1"/>
    <col min="1799" max="1799" width="15.625" style="2" customWidth="1"/>
    <col min="1800" max="1806" width="25.625" style="2" customWidth="1"/>
    <col min="1807" max="2047" width="8.875" style="2"/>
    <col min="2048" max="2054" width="3.5" style="2" customWidth="1"/>
    <col min="2055" max="2055" width="15.625" style="2" customWidth="1"/>
    <col min="2056" max="2062" width="25.625" style="2" customWidth="1"/>
    <col min="2063" max="2303" width="8.875" style="2"/>
    <col min="2304" max="2310" width="3.5" style="2" customWidth="1"/>
    <col min="2311" max="2311" width="15.625" style="2" customWidth="1"/>
    <col min="2312" max="2318" width="25.625" style="2" customWidth="1"/>
    <col min="2319" max="2559" width="8.875" style="2"/>
    <col min="2560" max="2566" width="3.5" style="2" customWidth="1"/>
    <col min="2567" max="2567" width="15.625" style="2" customWidth="1"/>
    <col min="2568" max="2574" width="25.625" style="2" customWidth="1"/>
    <col min="2575" max="2815" width="8.875" style="2"/>
    <col min="2816" max="2822" width="3.5" style="2" customWidth="1"/>
    <col min="2823" max="2823" width="15.625" style="2" customWidth="1"/>
    <col min="2824" max="2830" width="25.625" style="2" customWidth="1"/>
    <col min="2831" max="3071" width="8.875" style="2"/>
    <col min="3072" max="3078" width="3.5" style="2" customWidth="1"/>
    <col min="3079" max="3079" width="15.625" style="2" customWidth="1"/>
    <col min="3080" max="3086" width="25.625" style="2" customWidth="1"/>
    <col min="3087" max="3327" width="8.875" style="2"/>
    <col min="3328" max="3334" width="3.5" style="2" customWidth="1"/>
    <col min="3335" max="3335" width="15.625" style="2" customWidth="1"/>
    <col min="3336" max="3342" width="25.625" style="2" customWidth="1"/>
    <col min="3343" max="3583" width="8.875" style="2"/>
    <col min="3584" max="3590" width="3.5" style="2" customWidth="1"/>
    <col min="3591" max="3591" width="15.625" style="2" customWidth="1"/>
    <col min="3592" max="3598" width="25.625" style="2" customWidth="1"/>
    <col min="3599" max="3839" width="8.875" style="2"/>
    <col min="3840" max="3846" width="3.5" style="2" customWidth="1"/>
    <col min="3847" max="3847" width="15.625" style="2" customWidth="1"/>
    <col min="3848" max="3854" width="25.625" style="2" customWidth="1"/>
    <col min="3855" max="4095" width="8.875" style="2"/>
    <col min="4096" max="4102" width="3.5" style="2" customWidth="1"/>
    <col min="4103" max="4103" width="15.625" style="2" customWidth="1"/>
    <col min="4104" max="4110" width="25.625" style="2" customWidth="1"/>
    <col min="4111" max="4351" width="8.875" style="2"/>
    <col min="4352" max="4358" width="3.5" style="2" customWidth="1"/>
    <col min="4359" max="4359" width="15.625" style="2" customWidth="1"/>
    <col min="4360" max="4366" width="25.625" style="2" customWidth="1"/>
    <col min="4367" max="4607" width="8.875" style="2"/>
    <col min="4608" max="4614" width="3.5" style="2" customWidth="1"/>
    <col min="4615" max="4615" width="15.625" style="2" customWidth="1"/>
    <col min="4616" max="4622" width="25.625" style="2" customWidth="1"/>
    <col min="4623" max="4863" width="8.875" style="2"/>
    <col min="4864" max="4870" width="3.5" style="2" customWidth="1"/>
    <col min="4871" max="4871" width="15.625" style="2" customWidth="1"/>
    <col min="4872" max="4878" width="25.625" style="2" customWidth="1"/>
    <col min="4879" max="5119" width="8.875" style="2"/>
    <col min="5120" max="5126" width="3.5" style="2" customWidth="1"/>
    <col min="5127" max="5127" width="15.625" style="2" customWidth="1"/>
    <col min="5128" max="5134" width="25.625" style="2" customWidth="1"/>
    <col min="5135" max="5375" width="8.875" style="2"/>
    <col min="5376" max="5382" width="3.5" style="2" customWidth="1"/>
    <col min="5383" max="5383" width="15.625" style="2" customWidth="1"/>
    <col min="5384" max="5390" width="25.625" style="2" customWidth="1"/>
    <col min="5391" max="5631" width="8.875" style="2"/>
    <col min="5632" max="5638" width="3.5" style="2" customWidth="1"/>
    <col min="5639" max="5639" width="15.625" style="2" customWidth="1"/>
    <col min="5640" max="5646" width="25.625" style="2" customWidth="1"/>
    <col min="5647" max="5887" width="8.875" style="2"/>
    <col min="5888" max="5894" width="3.5" style="2" customWidth="1"/>
    <col min="5895" max="5895" width="15.625" style="2" customWidth="1"/>
    <col min="5896" max="5902" width="25.625" style="2" customWidth="1"/>
    <col min="5903" max="6143" width="8.875" style="2"/>
    <col min="6144" max="6150" width="3.5" style="2" customWidth="1"/>
    <col min="6151" max="6151" width="15.625" style="2" customWidth="1"/>
    <col min="6152" max="6158" width="25.625" style="2" customWidth="1"/>
    <col min="6159" max="6399" width="8.875" style="2"/>
    <col min="6400" max="6406" width="3.5" style="2" customWidth="1"/>
    <col min="6407" max="6407" width="15.625" style="2" customWidth="1"/>
    <col min="6408" max="6414" width="25.625" style="2" customWidth="1"/>
    <col min="6415" max="6655" width="8.875" style="2"/>
    <col min="6656" max="6662" width="3.5" style="2" customWidth="1"/>
    <col min="6663" max="6663" width="15.625" style="2" customWidth="1"/>
    <col min="6664" max="6670" width="25.625" style="2" customWidth="1"/>
    <col min="6671" max="6911" width="8.875" style="2"/>
    <col min="6912" max="6918" width="3.5" style="2" customWidth="1"/>
    <col min="6919" max="6919" width="15.625" style="2" customWidth="1"/>
    <col min="6920" max="6926" width="25.625" style="2" customWidth="1"/>
    <col min="6927" max="7167" width="8.875" style="2"/>
    <col min="7168" max="7174" width="3.5" style="2" customWidth="1"/>
    <col min="7175" max="7175" width="15.625" style="2" customWidth="1"/>
    <col min="7176" max="7182" width="25.625" style="2" customWidth="1"/>
    <col min="7183" max="7423" width="8.875" style="2"/>
    <col min="7424" max="7430" width="3.5" style="2" customWidth="1"/>
    <col min="7431" max="7431" width="15.625" style="2" customWidth="1"/>
    <col min="7432" max="7438" width="25.625" style="2" customWidth="1"/>
    <col min="7439" max="7679" width="8.875" style="2"/>
    <col min="7680" max="7686" width="3.5" style="2" customWidth="1"/>
    <col min="7687" max="7687" width="15.625" style="2" customWidth="1"/>
    <col min="7688" max="7694" width="25.625" style="2" customWidth="1"/>
    <col min="7695" max="7935" width="8.875" style="2"/>
    <col min="7936" max="7942" width="3.5" style="2" customWidth="1"/>
    <col min="7943" max="7943" width="15.625" style="2" customWidth="1"/>
    <col min="7944" max="7950" width="25.625" style="2" customWidth="1"/>
    <col min="7951" max="8191" width="8.875" style="2"/>
    <col min="8192" max="8198" width="3.5" style="2" customWidth="1"/>
    <col min="8199" max="8199" width="15.625" style="2" customWidth="1"/>
    <col min="8200" max="8206" width="25.625" style="2" customWidth="1"/>
    <col min="8207" max="8447" width="8.875" style="2"/>
    <col min="8448" max="8454" width="3.5" style="2" customWidth="1"/>
    <col min="8455" max="8455" width="15.625" style="2" customWidth="1"/>
    <col min="8456" max="8462" width="25.625" style="2" customWidth="1"/>
    <col min="8463" max="8703" width="8.875" style="2"/>
    <col min="8704" max="8710" width="3.5" style="2" customWidth="1"/>
    <col min="8711" max="8711" width="15.625" style="2" customWidth="1"/>
    <col min="8712" max="8718" width="25.625" style="2" customWidth="1"/>
    <col min="8719" max="8959" width="8.875" style="2"/>
    <col min="8960" max="8966" width="3.5" style="2" customWidth="1"/>
    <col min="8967" max="8967" width="15.625" style="2" customWidth="1"/>
    <col min="8968" max="8974" width="25.625" style="2" customWidth="1"/>
    <col min="8975" max="9215" width="8.875" style="2"/>
    <col min="9216" max="9222" width="3.5" style="2" customWidth="1"/>
    <col min="9223" max="9223" width="15.625" style="2" customWidth="1"/>
    <col min="9224" max="9230" width="25.625" style="2" customWidth="1"/>
    <col min="9231" max="9471" width="8.875" style="2"/>
    <col min="9472" max="9478" width="3.5" style="2" customWidth="1"/>
    <col min="9479" max="9479" width="15.625" style="2" customWidth="1"/>
    <col min="9480" max="9486" width="25.625" style="2" customWidth="1"/>
    <col min="9487" max="9727" width="8.875" style="2"/>
    <col min="9728" max="9734" width="3.5" style="2" customWidth="1"/>
    <col min="9735" max="9735" width="15.625" style="2" customWidth="1"/>
    <col min="9736" max="9742" width="25.625" style="2" customWidth="1"/>
    <col min="9743" max="9983" width="8.875" style="2"/>
    <col min="9984" max="9990" width="3.5" style="2" customWidth="1"/>
    <col min="9991" max="9991" width="15.625" style="2" customWidth="1"/>
    <col min="9992" max="9998" width="25.625" style="2" customWidth="1"/>
    <col min="9999" max="10239" width="8.875" style="2"/>
    <col min="10240" max="10246" width="3.5" style="2" customWidth="1"/>
    <col min="10247" max="10247" width="15.625" style="2" customWidth="1"/>
    <col min="10248" max="10254" width="25.625" style="2" customWidth="1"/>
    <col min="10255" max="10495" width="8.875" style="2"/>
    <col min="10496" max="10502" width="3.5" style="2" customWidth="1"/>
    <col min="10503" max="10503" width="15.625" style="2" customWidth="1"/>
    <col min="10504" max="10510" width="25.625" style="2" customWidth="1"/>
    <col min="10511" max="10751" width="8.875" style="2"/>
    <col min="10752" max="10758" width="3.5" style="2" customWidth="1"/>
    <col min="10759" max="10759" width="15.625" style="2" customWidth="1"/>
    <col min="10760" max="10766" width="25.625" style="2" customWidth="1"/>
    <col min="10767" max="11007" width="8.875" style="2"/>
    <col min="11008" max="11014" width="3.5" style="2" customWidth="1"/>
    <col min="11015" max="11015" width="15.625" style="2" customWidth="1"/>
    <col min="11016" max="11022" width="25.625" style="2" customWidth="1"/>
    <col min="11023" max="11263" width="8.875" style="2"/>
    <col min="11264" max="11270" width="3.5" style="2" customWidth="1"/>
    <col min="11271" max="11271" width="15.625" style="2" customWidth="1"/>
    <col min="11272" max="11278" width="25.625" style="2" customWidth="1"/>
    <col min="11279" max="11519" width="8.875" style="2"/>
    <col min="11520" max="11526" width="3.5" style="2" customWidth="1"/>
    <col min="11527" max="11527" width="15.625" style="2" customWidth="1"/>
    <col min="11528" max="11534" width="25.625" style="2" customWidth="1"/>
    <col min="11535" max="11775" width="8.875" style="2"/>
    <col min="11776" max="11782" width="3.5" style="2" customWidth="1"/>
    <col min="11783" max="11783" width="15.625" style="2" customWidth="1"/>
    <col min="11784" max="11790" width="25.625" style="2" customWidth="1"/>
    <col min="11791" max="12031" width="8.875" style="2"/>
    <col min="12032" max="12038" width="3.5" style="2" customWidth="1"/>
    <col min="12039" max="12039" width="15.625" style="2" customWidth="1"/>
    <col min="12040" max="12046" width="25.625" style="2" customWidth="1"/>
    <col min="12047" max="12287" width="8.875" style="2"/>
    <col min="12288" max="12294" width="3.5" style="2" customWidth="1"/>
    <col min="12295" max="12295" width="15.625" style="2" customWidth="1"/>
    <col min="12296" max="12302" width="25.625" style="2" customWidth="1"/>
    <col min="12303" max="12543" width="8.875" style="2"/>
    <col min="12544" max="12550" width="3.5" style="2" customWidth="1"/>
    <col min="12551" max="12551" width="15.625" style="2" customWidth="1"/>
    <col min="12552" max="12558" width="25.625" style="2" customWidth="1"/>
    <col min="12559" max="12799" width="8.875" style="2"/>
    <col min="12800" max="12806" width="3.5" style="2" customWidth="1"/>
    <col min="12807" max="12807" width="15.625" style="2" customWidth="1"/>
    <col min="12808" max="12814" width="25.625" style="2" customWidth="1"/>
    <col min="12815" max="13055" width="8.875" style="2"/>
    <col min="13056" max="13062" width="3.5" style="2" customWidth="1"/>
    <col min="13063" max="13063" width="15.625" style="2" customWidth="1"/>
    <col min="13064" max="13070" width="25.625" style="2" customWidth="1"/>
    <col min="13071" max="13311" width="8.875" style="2"/>
    <col min="13312" max="13318" width="3.5" style="2" customWidth="1"/>
    <col min="13319" max="13319" width="15.625" style="2" customWidth="1"/>
    <col min="13320" max="13326" width="25.625" style="2" customWidth="1"/>
    <col min="13327" max="13567" width="8.875" style="2"/>
    <col min="13568" max="13574" width="3.5" style="2" customWidth="1"/>
    <col min="13575" max="13575" width="15.625" style="2" customWidth="1"/>
    <col min="13576" max="13582" width="25.625" style="2" customWidth="1"/>
    <col min="13583" max="13823" width="8.875" style="2"/>
    <col min="13824" max="13830" width="3.5" style="2" customWidth="1"/>
    <col min="13831" max="13831" width="15.625" style="2" customWidth="1"/>
    <col min="13832" max="13838" width="25.625" style="2" customWidth="1"/>
    <col min="13839" max="14079" width="8.875" style="2"/>
    <col min="14080" max="14086" width="3.5" style="2" customWidth="1"/>
    <col min="14087" max="14087" width="15.625" style="2" customWidth="1"/>
    <col min="14088" max="14094" width="25.625" style="2" customWidth="1"/>
    <col min="14095" max="14335" width="8.875" style="2"/>
    <col min="14336" max="14342" width="3.5" style="2" customWidth="1"/>
    <col min="14343" max="14343" width="15.625" style="2" customWidth="1"/>
    <col min="14344" max="14350" width="25.625" style="2" customWidth="1"/>
    <col min="14351" max="14591" width="8.875" style="2"/>
    <col min="14592" max="14598" width="3.5" style="2" customWidth="1"/>
    <col min="14599" max="14599" width="15.625" style="2" customWidth="1"/>
    <col min="14600" max="14606" width="25.625" style="2" customWidth="1"/>
    <col min="14607" max="14847" width="8.875" style="2"/>
    <col min="14848" max="14854" width="3.5" style="2" customWidth="1"/>
    <col min="14855" max="14855" width="15.625" style="2" customWidth="1"/>
    <col min="14856" max="14862" width="25.625" style="2" customWidth="1"/>
    <col min="14863" max="15103" width="8.875" style="2"/>
    <col min="15104" max="15110" width="3.5" style="2" customWidth="1"/>
    <col min="15111" max="15111" width="15.625" style="2" customWidth="1"/>
    <col min="15112" max="15118" width="25.625" style="2" customWidth="1"/>
    <col min="15119" max="15359" width="8.875" style="2"/>
    <col min="15360" max="15366" width="3.5" style="2" customWidth="1"/>
    <col min="15367" max="15367" width="15.625" style="2" customWidth="1"/>
    <col min="15368" max="15374" width="25.625" style="2" customWidth="1"/>
    <col min="15375" max="15615" width="8.875" style="2"/>
    <col min="15616" max="15622" width="3.5" style="2" customWidth="1"/>
    <col min="15623" max="15623" width="15.625" style="2" customWidth="1"/>
    <col min="15624" max="15630" width="25.625" style="2" customWidth="1"/>
    <col min="15631" max="15871" width="8.875" style="2"/>
    <col min="15872" max="15878" width="3.5" style="2" customWidth="1"/>
    <col min="15879" max="15879" width="15.625" style="2" customWidth="1"/>
    <col min="15880" max="15886" width="25.625" style="2" customWidth="1"/>
    <col min="15887" max="16127" width="8.875" style="2"/>
    <col min="16128" max="16134" width="3.5" style="2" customWidth="1"/>
    <col min="16135" max="16135" width="15.625" style="2" customWidth="1"/>
    <col min="16136" max="16142" width="25.625" style="2" customWidth="1"/>
    <col min="16143" max="16384" width="8.875" style="2"/>
  </cols>
  <sheetData>
    <row r="1" spans="1:18" ht="22.5" customHeight="1" x14ac:dyDescent="0.15">
      <c r="B1" s="8" t="s">
        <v>22</v>
      </c>
    </row>
    <row r="2" spans="1:18" ht="22.5" customHeight="1" x14ac:dyDescent="0.15">
      <c r="B2" s="8" t="s">
        <v>23</v>
      </c>
    </row>
    <row r="3" spans="1:18" ht="22.5" customHeight="1" x14ac:dyDescent="0.15">
      <c r="B3" s="8" t="s">
        <v>25</v>
      </c>
    </row>
    <row r="4" spans="1:18" s="1" customFormat="1" x14ac:dyDescent="0.15"/>
    <row r="5" spans="1:18" s="1" customFormat="1" ht="18.75" customHeight="1" x14ac:dyDescent="0.15">
      <c r="A5" s="171" t="s">
        <v>21</v>
      </c>
      <c r="B5" s="171"/>
      <c r="C5" s="171"/>
      <c r="D5" s="171"/>
      <c r="E5" s="171"/>
      <c r="F5" s="171"/>
      <c r="G5" s="171"/>
      <c r="H5" s="171"/>
      <c r="I5" s="171"/>
      <c r="J5" s="171"/>
      <c r="K5" s="171"/>
      <c r="L5" s="171"/>
      <c r="M5" s="171"/>
      <c r="N5" s="171"/>
      <c r="O5" s="171"/>
      <c r="P5" s="171"/>
      <c r="Q5" s="171"/>
      <c r="R5" s="171"/>
    </row>
    <row r="6" spans="1:18" s="1" customFormat="1" ht="18.75" customHeight="1" x14ac:dyDescent="0.15">
      <c r="A6" s="171"/>
      <c r="B6" s="171"/>
      <c r="C6" s="171"/>
      <c r="D6" s="171"/>
      <c r="E6" s="171"/>
      <c r="F6" s="171"/>
      <c r="G6" s="171"/>
      <c r="H6" s="171"/>
      <c r="I6" s="171"/>
      <c r="J6" s="171"/>
      <c r="K6" s="171"/>
      <c r="L6" s="171"/>
      <c r="M6" s="171"/>
      <c r="N6" s="171"/>
      <c r="O6" s="171"/>
      <c r="P6" s="171"/>
      <c r="Q6" s="171"/>
      <c r="R6" s="171"/>
    </row>
    <row r="8" spans="1:18" x14ac:dyDescent="0.15">
      <c r="B8" s="2" t="s">
        <v>6</v>
      </c>
      <c r="P8" s="3"/>
      <c r="Q8" s="3" t="s">
        <v>17</v>
      </c>
    </row>
    <row r="9" spans="1:18" ht="21.95" customHeight="1" x14ac:dyDescent="0.15">
      <c r="B9" s="186" t="s">
        <v>1</v>
      </c>
      <c r="C9" s="187"/>
      <c r="D9" s="187"/>
      <c r="E9" s="187"/>
      <c r="F9" s="187"/>
      <c r="G9" s="187"/>
      <c r="H9" s="188"/>
      <c r="I9" s="192" t="s">
        <v>7</v>
      </c>
      <c r="J9" s="4" t="s">
        <v>19</v>
      </c>
      <c r="K9" s="5" t="s">
        <v>2</v>
      </c>
      <c r="L9" s="5" t="s">
        <v>3</v>
      </c>
      <c r="M9" s="5" t="s">
        <v>4</v>
      </c>
      <c r="N9" s="5" t="s">
        <v>8</v>
      </c>
      <c r="O9" s="5" t="s">
        <v>5</v>
      </c>
      <c r="P9" s="5" t="s">
        <v>18</v>
      </c>
      <c r="Q9" s="5" t="s">
        <v>20</v>
      </c>
    </row>
    <row r="10" spans="1:18" ht="21.95" customHeight="1" x14ac:dyDescent="0.15">
      <c r="B10" s="189"/>
      <c r="C10" s="190"/>
      <c r="D10" s="190"/>
      <c r="E10" s="190"/>
      <c r="F10" s="190"/>
      <c r="G10" s="190"/>
      <c r="H10" s="191"/>
      <c r="I10" s="193"/>
      <c r="J10" s="6" t="s">
        <v>9</v>
      </c>
      <c r="K10" s="6" t="s">
        <v>10</v>
      </c>
      <c r="L10" s="6" t="s">
        <v>11</v>
      </c>
      <c r="M10" s="6" t="s">
        <v>12</v>
      </c>
      <c r="N10" s="6" t="s">
        <v>13</v>
      </c>
      <c r="O10" s="6" t="s">
        <v>14</v>
      </c>
      <c r="P10" s="6" t="s">
        <v>15</v>
      </c>
      <c r="Q10" s="6" t="s">
        <v>16</v>
      </c>
    </row>
    <row r="11" spans="1:18" ht="21.95" customHeight="1" x14ac:dyDescent="0.15">
      <c r="B11" s="194" t="s">
        <v>24</v>
      </c>
      <c r="C11" s="195"/>
      <c r="D11" s="195"/>
      <c r="E11" s="195"/>
      <c r="F11" s="195"/>
      <c r="G11" s="195"/>
      <c r="H11" s="196"/>
      <c r="I11" s="9">
        <v>2000000</v>
      </c>
      <c r="J11" s="9">
        <v>2000000</v>
      </c>
      <c r="K11" s="9">
        <v>36296783308</v>
      </c>
      <c r="L11" s="9">
        <v>31083640764</v>
      </c>
      <c r="M11" s="9">
        <f>K11-L11</f>
        <v>5213142544</v>
      </c>
      <c r="N11" s="7">
        <v>1.4999999999999999E-2</v>
      </c>
      <c r="O11" s="9">
        <f>ROUND(M11*N11,0.1)</f>
        <v>78197138</v>
      </c>
      <c r="P11" s="9">
        <v>0</v>
      </c>
      <c r="Q11" s="9">
        <f>J11-P11</f>
        <v>2000000</v>
      </c>
    </row>
    <row r="12" spans="1:18" ht="21.95" customHeight="1" x14ac:dyDescent="0.15">
      <c r="B12" s="183" t="s">
        <v>0</v>
      </c>
      <c r="C12" s="184"/>
      <c r="D12" s="184"/>
      <c r="E12" s="184"/>
      <c r="F12" s="184"/>
      <c r="G12" s="184"/>
      <c r="H12" s="185"/>
      <c r="I12" s="9">
        <f>SUM(I11:I11)</f>
        <v>2000000</v>
      </c>
      <c r="J12" s="9">
        <f>SUM(J11:J11)</f>
        <v>2000000</v>
      </c>
      <c r="K12" s="10"/>
      <c r="L12" s="10"/>
      <c r="M12" s="10"/>
      <c r="N12" s="10"/>
      <c r="O12" s="10"/>
      <c r="P12" s="9">
        <f>SUM(P11:P11)</f>
        <v>0</v>
      </c>
      <c r="Q12" s="9">
        <f>SUM(Q11:Q11)</f>
        <v>2000000</v>
      </c>
    </row>
  </sheetData>
  <mergeCells count="5">
    <mergeCell ref="A5:R6"/>
    <mergeCell ref="B12:H12"/>
    <mergeCell ref="B9:H10"/>
    <mergeCell ref="I9:I10"/>
    <mergeCell ref="B11:H11"/>
  </mergeCells>
  <phoneticPr fontId="23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N19"/>
  <sheetViews>
    <sheetView showGridLines="0" view="pageBreakPreview" zoomScale="60" zoomScaleNormal="55" workbookViewId="0"/>
  </sheetViews>
  <sheetFormatPr defaultColWidth="8.875" defaultRowHeight="18.75" x14ac:dyDescent="0.15"/>
  <cols>
    <col min="1" max="1" width="2.625" style="126" customWidth="1"/>
    <col min="2" max="3" width="3.5" style="126" customWidth="1"/>
    <col min="4" max="4" width="6.5" style="126" customWidth="1"/>
    <col min="5" max="7" width="3.5" style="126" customWidth="1"/>
    <col min="8" max="8" width="21.75" style="126" customWidth="1"/>
    <col min="9" max="14" width="31.125" style="126" customWidth="1"/>
    <col min="15" max="15" width="2.625" style="126" customWidth="1"/>
    <col min="16" max="16384" width="8.875" style="126"/>
  </cols>
  <sheetData>
    <row r="1" spans="2:14" s="2" customFormat="1" ht="22.5" customHeight="1" x14ac:dyDescent="0.15">
      <c r="B1" s="8" t="s">
        <v>98</v>
      </c>
    </row>
    <row r="2" spans="2:14" s="2" customFormat="1" ht="22.5" customHeight="1" x14ac:dyDescent="0.15">
      <c r="B2" s="8" t="s">
        <v>97</v>
      </c>
    </row>
    <row r="3" spans="2:14" s="2" customFormat="1" ht="22.5" customHeight="1" x14ac:dyDescent="0.15">
      <c r="B3" s="8" t="s">
        <v>96</v>
      </c>
    </row>
    <row r="5" spans="2:14" x14ac:dyDescent="0.15">
      <c r="B5" s="197" t="s">
        <v>257</v>
      </c>
      <c r="C5" s="198"/>
      <c r="D5" s="198"/>
      <c r="E5" s="198"/>
      <c r="F5" s="198"/>
      <c r="G5" s="198"/>
      <c r="H5" s="198"/>
      <c r="I5" s="198"/>
      <c r="J5" s="198"/>
      <c r="K5" s="198"/>
      <c r="L5" s="198"/>
      <c r="M5" s="198"/>
      <c r="N5" s="198"/>
    </row>
    <row r="6" spans="2:14" x14ac:dyDescent="0.15">
      <c r="B6" s="198"/>
      <c r="C6" s="198"/>
      <c r="D6" s="198"/>
      <c r="E6" s="198"/>
      <c r="F6" s="198"/>
      <c r="G6" s="198"/>
      <c r="H6" s="198"/>
      <c r="I6" s="198"/>
      <c r="J6" s="198"/>
      <c r="K6" s="198"/>
      <c r="L6" s="198"/>
      <c r="M6" s="198"/>
      <c r="N6" s="198"/>
    </row>
    <row r="7" spans="2:14" x14ac:dyDescent="0.15">
      <c r="B7" s="199"/>
      <c r="C7" s="199"/>
      <c r="D7" s="199"/>
      <c r="F7" s="130"/>
      <c r="N7" s="129" t="s">
        <v>256</v>
      </c>
    </row>
    <row r="8" spans="2:14" ht="20.100000000000001" customHeight="1" x14ac:dyDescent="0.15">
      <c r="B8" s="200" t="s">
        <v>159</v>
      </c>
      <c r="C8" s="201"/>
      <c r="D8" s="201"/>
      <c r="E8" s="201"/>
      <c r="F8" s="201"/>
      <c r="G8" s="201"/>
      <c r="H8" s="202"/>
      <c r="I8" s="206" t="s">
        <v>242</v>
      </c>
      <c r="J8" s="206" t="s">
        <v>241</v>
      </c>
      <c r="K8" s="208" t="s">
        <v>240</v>
      </c>
      <c r="L8" s="209"/>
      <c r="M8" s="210"/>
      <c r="N8" s="211" t="s">
        <v>255</v>
      </c>
    </row>
    <row r="9" spans="2:14" ht="20.100000000000001" customHeight="1" x14ac:dyDescent="0.15">
      <c r="B9" s="203"/>
      <c r="C9" s="204"/>
      <c r="D9" s="204"/>
      <c r="E9" s="204"/>
      <c r="F9" s="204"/>
      <c r="G9" s="204"/>
      <c r="H9" s="205"/>
      <c r="I9" s="207"/>
      <c r="J9" s="207"/>
      <c r="K9" s="128" t="s">
        <v>254</v>
      </c>
      <c r="L9" s="128" t="s">
        <v>253</v>
      </c>
      <c r="M9" s="128" t="s">
        <v>252</v>
      </c>
      <c r="N9" s="212"/>
    </row>
    <row r="10" spans="2:14" ht="31.7" customHeight="1" x14ac:dyDescent="0.15">
      <c r="B10" s="213" t="s">
        <v>251</v>
      </c>
      <c r="C10" s="213"/>
      <c r="D10" s="213"/>
      <c r="E10" s="213"/>
      <c r="F10" s="213"/>
      <c r="G10" s="213"/>
      <c r="H10" s="213"/>
      <c r="I10" s="127">
        <v>0</v>
      </c>
      <c r="J10" s="127">
        <v>0</v>
      </c>
      <c r="K10" s="127">
        <v>0</v>
      </c>
      <c r="L10" s="127">
        <v>0</v>
      </c>
      <c r="M10" s="127">
        <v>0</v>
      </c>
      <c r="N10" s="127">
        <v>0</v>
      </c>
    </row>
    <row r="11" spans="2:14" ht="31.7" customHeight="1" x14ac:dyDescent="0.15">
      <c r="B11" s="213" t="s">
        <v>250</v>
      </c>
      <c r="C11" s="213"/>
      <c r="D11" s="213"/>
      <c r="E11" s="213"/>
      <c r="F11" s="213"/>
      <c r="G11" s="213"/>
      <c r="H11" s="213"/>
      <c r="I11" s="127">
        <v>0</v>
      </c>
      <c r="J11" s="127">
        <v>0</v>
      </c>
      <c r="K11" s="127">
        <v>0</v>
      </c>
      <c r="L11" s="127">
        <v>0</v>
      </c>
      <c r="M11" s="127">
        <v>0</v>
      </c>
      <c r="N11" s="127">
        <v>0</v>
      </c>
    </row>
    <row r="12" spans="2:14" ht="31.7" customHeight="1" x14ac:dyDescent="0.15">
      <c r="B12" s="213" t="s">
        <v>249</v>
      </c>
      <c r="C12" s="213"/>
      <c r="D12" s="213"/>
      <c r="E12" s="213"/>
      <c r="F12" s="213"/>
      <c r="G12" s="213"/>
      <c r="H12" s="213"/>
      <c r="I12" s="127">
        <v>0</v>
      </c>
      <c r="J12" s="127">
        <v>0</v>
      </c>
      <c r="K12" s="127">
        <v>0</v>
      </c>
      <c r="L12" s="127">
        <v>0</v>
      </c>
      <c r="M12" s="127">
        <v>0</v>
      </c>
      <c r="N12" s="127">
        <v>0</v>
      </c>
    </row>
    <row r="13" spans="2:14" ht="31.7" customHeight="1" x14ac:dyDescent="0.15">
      <c r="B13" s="213" t="s">
        <v>248</v>
      </c>
      <c r="C13" s="213"/>
      <c r="D13" s="213"/>
      <c r="E13" s="213"/>
      <c r="F13" s="213"/>
      <c r="G13" s="213"/>
      <c r="H13" s="213"/>
      <c r="I13" s="127">
        <v>0</v>
      </c>
      <c r="J13" s="127">
        <v>0</v>
      </c>
      <c r="K13" s="127">
        <v>0</v>
      </c>
      <c r="L13" s="127">
        <v>0</v>
      </c>
      <c r="M13" s="127">
        <v>0</v>
      </c>
      <c r="N13" s="127">
        <v>0</v>
      </c>
    </row>
    <row r="14" spans="2:14" ht="31.7" customHeight="1" x14ac:dyDescent="0.15">
      <c r="B14" s="213" t="s">
        <v>247</v>
      </c>
      <c r="C14" s="213"/>
      <c r="D14" s="213"/>
      <c r="E14" s="213"/>
      <c r="F14" s="213"/>
      <c r="G14" s="213"/>
      <c r="H14" s="213"/>
      <c r="I14" s="127">
        <v>0</v>
      </c>
      <c r="J14" s="127">
        <v>0</v>
      </c>
      <c r="K14" s="127">
        <v>0</v>
      </c>
      <c r="L14" s="127">
        <v>0</v>
      </c>
      <c r="M14" s="127">
        <v>0</v>
      </c>
      <c r="N14" s="127">
        <v>0</v>
      </c>
    </row>
    <row r="15" spans="2:14" ht="31.7" customHeight="1" x14ac:dyDescent="0.15">
      <c r="B15" s="213" t="s">
        <v>246</v>
      </c>
      <c r="C15" s="213"/>
      <c r="D15" s="213"/>
      <c r="E15" s="213"/>
      <c r="F15" s="213"/>
      <c r="G15" s="213"/>
      <c r="H15" s="213"/>
      <c r="I15" s="127">
        <v>0</v>
      </c>
      <c r="J15" s="127">
        <v>0</v>
      </c>
      <c r="K15" s="127">
        <v>0</v>
      </c>
      <c r="L15" s="127">
        <v>0</v>
      </c>
      <c r="M15" s="127">
        <v>0</v>
      </c>
      <c r="N15" s="127">
        <v>0</v>
      </c>
    </row>
    <row r="16" spans="2:14" ht="31.7" customHeight="1" x14ac:dyDescent="0.15">
      <c r="B16" s="213" t="s">
        <v>81</v>
      </c>
      <c r="C16" s="213"/>
      <c r="D16" s="213"/>
      <c r="E16" s="213"/>
      <c r="F16" s="213"/>
      <c r="G16" s="213"/>
      <c r="H16" s="213"/>
      <c r="I16" s="127">
        <v>37423720</v>
      </c>
      <c r="J16" s="127">
        <v>44031838</v>
      </c>
      <c r="K16" s="127">
        <v>37423720</v>
      </c>
      <c r="L16" s="127">
        <v>0</v>
      </c>
      <c r="M16" s="127">
        <v>37423720</v>
      </c>
      <c r="N16" s="127">
        <v>44031838</v>
      </c>
    </row>
    <row r="17" spans="2:14" ht="31.7" customHeight="1" x14ac:dyDescent="0.15">
      <c r="B17" s="213" t="s">
        <v>66</v>
      </c>
      <c r="C17" s="213"/>
      <c r="D17" s="213"/>
      <c r="E17" s="213"/>
      <c r="F17" s="213"/>
      <c r="G17" s="213"/>
      <c r="H17" s="213"/>
      <c r="I17" s="127">
        <v>440183974</v>
      </c>
      <c r="J17" s="127">
        <v>35420968</v>
      </c>
      <c r="K17" s="127">
        <v>8305358</v>
      </c>
      <c r="L17" s="127">
        <v>4130409</v>
      </c>
      <c r="M17" s="127">
        <v>12435767</v>
      </c>
      <c r="N17" s="127">
        <v>463169175</v>
      </c>
    </row>
    <row r="18" spans="2:14" ht="31.7" customHeight="1" x14ac:dyDescent="0.15">
      <c r="B18" s="213" t="s">
        <v>65</v>
      </c>
      <c r="C18" s="213"/>
      <c r="D18" s="213"/>
      <c r="E18" s="213"/>
      <c r="F18" s="213"/>
      <c r="G18" s="213"/>
      <c r="H18" s="213"/>
      <c r="I18" s="127">
        <v>0</v>
      </c>
      <c r="J18" s="127">
        <v>0</v>
      </c>
      <c r="K18" s="127">
        <v>0</v>
      </c>
      <c r="L18" s="127">
        <v>0</v>
      </c>
      <c r="M18" s="127">
        <v>0</v>
      </c>
      <c r="N18" s="127">
        <v>0</v>
      </c>
    </row>
    <row r="19" spans="2:14" ht="31.7" customHeight="1" x14ac:dyDescent="0.15">
      <c r="B19" s="214" t="s">
        <v>245</v>
      </c>
      <c r="C19" s="214"/>
      <c r="D19" s="214"/>
      <c r="E19" s="214"/>
      <c r="F19" s="214"/>
      <c r="G19" s="214"/>
      <c r="H19" s="214"/>
      <c r="I19" s="127">
        <v>477607694</v>
      </c>
      <c r="J19" s="127">
        <v>79452806</v>
      </c>
      <c r="K19" s="127">
        <v>45729078</v>
      </c>
      <c r="L19" s="127">
        <v>4130409</v>
      </c>
      <c r="M19" s="127">
        <v>49859487</v>
      </c>
      <c r="N19" s="127">
        <v>507201013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23"/>
  <printOptions horizontalCentered="1"/>
  <pageMargins left="0.39370078740157483" right="0.15748031496062992" top="0.55118110236220474" bottom="0.43307086614173229" header="0.70866141732283472" footer="0.31496062992125984"/>
  <pageSetup paperSize="9" scale="61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9</vt:i4>
      </vt:variant>
    </vt:vector>
  </HeadingPairs>
  <TitlesOfParts>
    <vt:vector size="17" baseType="lpstr">
      <vt:lpstr>貸借対照表</vt:lpstr>
      <vt:lpstr>行政コスト計算書</vt:lpstr>
      <vt:lpstr>純資産変動計算書</vt:lpstr>
      <vt:lpstr>キャッシュフロー計算書</vt:lpstr>
      <vt:lpstr>注記</vt:lpstr>
      <vt:lpstr>有形固定資産等明細表</vt:lpstr>
      <vt:lpstr>出資金明細</vt:lpstr>
      <vt:lpstr>引当金明細表</vt:lpstr>
      <vt:lpstr>キャッシュフロー計算書!Print_Area</vt:lpstr>
      <vt:lpstr>引当金明細表!Print_Area</vt:lpstr>
      <vt:lpstr>行政コスト計算書!Print_Area</vt:lpstr>
      <vt:lpstr>出資金明細!Print_Area</vt:lpstr>
      <vt:lpstr>純資産変動計算書!Print_Area</vt:lpstr>
      <vt:lpstr>貸借対照表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9-10-24T09:44:05Z</dcterms:created>
  <dcterms:modified xsi:type="dcterms:W3CDTF">2019-10-24T09:44:08Z</dcterms:modified>
</cp:coreProperties>
</file>